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95" r:id="rId4"/>
    <p:sldMasterId id="2147483648" r:id="rId5"/>
  </p:sldMasterIdLst>
  <p:notesMasterIdLst>
    <p:notesMasterId r:id="rId19"/>
  </p:notesMasterIdLst>
  <p:handoutMasterIdLst>
    <p:handoutMasterId r:id="rId20"/>
  </p:handoutMasterIdLst>
  <p:sldIdLst>
    <p:sldId id="294" r:id="rId6"/>
    <p:sldId id="295" r:id="rId7"/>
    <p:sldId id="279" r:id="rId8"/>
    <p:sldId id="291" r:id="rId9"/>
    <p:sldId id="283" r:id="rId10"/>
    <p:sldId id="297" r:id="rId11"/>
    <p:sldId id="298" r:id="rId12"/>
    <p:sldId id="282" r:id="rId13"/>
    <p:sldId id="287" r:id="rId14"/>
    <p:sldId id="296" r:id="rId15"/>
    <p:sldId id="288" r:id="rId16"/>
    <p:sldId id="299" r:id="rId17"/>
    <p:sldId id="271"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0C0"/>
    <a:srgbClr val="BEB3F9"/>
    <a:srgbClr val="703713"/>
    <a:srgbClr val="898989"/>
    <a:srgbClr val="260505"/>
    <a:srgbClr val="256DA1"/>
    <a:srgbClr val="1B4B6E"/>
    <a:srgbClr val="64692D"/>
    <a:srgbClr val="DAE094"/>
    <a:srgbClr val="969C56"/>
  </p:clrMru>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994097A-8A61-45A7-B827-345CF4A35BA6}" v="7097" dt="2024-10-08T02:51:28.552"/>
    <p1510:client id="{2D9E126A-0DF3-97D1-8BD0-43D61427699C}" v="693" dt="2024-10-07T21:36:25.906"/>
    <p1510:client id="{4F7F8A3E-12F1-F369-7D3E-CDF3EF6186F6}" v="242" dt="2024-10-08T01:49:04.421"/>
    <p1510:client id="{595C1F5E-F411-C1F3-A256-2DC593998681}" v="48" dt="2024-10-07T08:21:44.573"/>
    <p1510:client id="{69B6F9A1-3C08-A770-2160-539177FB0855}" v="83" dt="2024-10-07T08:19:12.578"/>
    <p1510:client id="{9A749EF2-4FE1-3D9B-27D4-3FAD5A5F0E8B}" v="9" dt="2024-10-07T07:10:28.165"/>
    <p1510:client id="{A0B4C097-6AFB-7D05-1D90-243D0309F20D}" v="149" dt="2024-10-07T18:18:31.146"/>
    <p1510:client id="{ABA492C6-2FAD-497B-135A-2EDDA8424B23}" v="414" dt="2024-10-07T05:45:00.478"/>
    <p1510:client id="{B2584F25-7884-7B4F-51A7-524F9392BB36}" v="18" dt="2024-10-07T07:03:59.375"/>
    <p1510:client id="{C2A8A74D-DD8E-31F0-4624-855AA8D4956D}" v="46" dt="2024-10-07T07:58:57.582"/>
    <p1510:client id="{D3399202-9B5A-1C81-B1A7-670FB9E163CC}" v="385" dt="2024-10-07T04:11:24.157"/>
    <p1510:client id="{FE7B6935-151A-5D41-FF2A-8262602B931A}" v="106" dt="2024-10-07T08:32:02.48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ehmel Espiritu" userId="S::jehmel.espiritu01@student.csulb.edu::7d1c0f20-0b2e-4254-85e2-0ca8ab29360a" providerId="AD" clId="Web-{9A749EF2-4FE1-3D9B-27D4-3FAD5A5F0E8B}"/>
    <pc:docChg chg="modSld">
      <pc:chgData name="Jehmel Espiritu" userId="S::jehmel.espiritu01@student.csulb.edu::7d1c0f20-0b2e-4254-85e2-0ca8ab29360a" providerId="AD" clId="Web-{9A749EF2-4FE1-3D9B-27D4-3FAD5A5F0E8B}" dt="2024-10-07T07:10:28.165" v="5" actId="14100"/>
      <pc:docMkLst>
        <pc:docMk/>
      </pc:docMkLst>
      <pc:sldChg chg="modSp">
        <pc:chgData name="Jehmel Espiritu" userId="S::jehmel.espiritu01@student.csulb.edu::7d1c0f20-0b2e-4254-85e2-0ca8ab29360a" providerId="AD" clId="Web-{9A749EF2-4FE1-3D9B-27D4-3FAD5A5F0E8B}" dt="2024-10-07T07:10:15.633" v="4" actId="20577"/>
        <pc:sldMkLst>
          <pc:docMk/>
          <pc:sldMk cId="2018400078" sldId="295"/>
        </pc:sldMkLst>
        <pc:spChg chg="mod">
          <ac:chgData name="Jehmel Espiritu" userId="S::jehmel.espiritu01@student.csulb.edu::7d1c0f20-0b2e-4254-85e2-0ca8ab29360a" providerId="AD" clId="Web-{9A749EF2-4FE1-3D9B-27D4-3FAD5A5F0E8B}" dt="2024-10-07T07:10:15.633" v="4" actId="20577"/>
          <ac:spMkLst>
            <pc:docMk/>
            <pc:sldMk cId="2018400078" sldId="295"/>
            <ac:spMk id="18" creationId="{2EB73874-7BA0-6F9E-2EED-865DA325D8FD}"/>
          </ac:spMkLst>
        </pc:spChg>
      </pc:sldChg>
      <pc:sldChg chg="modSp">
        <pc:chgData name="Jehmel Espiritu" userId="S::jehmel.espiritu01@student.csulb.edu::7d1c0f20-0b2e-4254-85e2-0ca8ab29360a" providerId="AD" clId="Web-{9A749EF2-4FE1-3D9B-27D4-3FAD5A5F0E8B}" dt="2024-10-07T07:10:28.165" v="5" actId="14100"/>
        <pc:sldMkLst>
          <pc:docMk/>
          <pc:sldMk cId="151253258" sldId="297"/>
        </pc:sldMkLst>
        <pc:picChg chg="mod">
          <ac:chgData name="Jehmel Espiritu" userId="S::jehmel.espiritu01@student.csulb.edu::7d1c0f20-0b2e-4254-85e2-0ca8ab29360a" providerId="AD" clId="Web-{9A749EF2-4FE1-3D9B-27D4-3FAD5A5F0E8B}" dt="2024-10-07T07:10:28.165" v="5" actId="14100"/>
          <ac:picMkLst>
            <pc:docMk/>
            <pc:sldMk cId="151253258" sldId="297"/>
            <ac:picMk id="4" creationId="{A8E5EA78-1680-5F20-DB17-9338FE6FA53F}"/>
          </ac:picMkLst>
        </pc:picChg>
      </pc:sldChg>
    </pc:docChg>
  </pc:docChgLst>
  <pc:docChgLst>
    <pc:chgData name="Jehmel Espiritu" userId="S::jehmel.espiritu01@student.csulb.edu::7d1c0f20-0b2e-4254-85e2-0ca8ab29360a" providerId="AD" clId="Web-{69B6F9A1-3C08-A770-2160-539177FB0855}"/>
    <pc:docChg chg="modSld">
      <pc:chgData name="Jehmel Espiritu" userId="S::jehmel.espiritu01@student.csulb.edu::7d1c0f20-0b2e-4254-85e2-0ca8ab29360a" providerId="AD" clId="Web-{69B6F9A1-3C08-A770-2160-539177FB0855}" dt="2024-10-07T08:19:08.187" v="64" actId="20577"/>
      <pc:docMkLst>
        <pc:docMk/>
      </pc:docMkLst>
      <pc:sldChg chg="addSp delSp modSp">
        <pc:chgData name="Jehmel Espiritu" userId="S::jehmel.espiritu01@student.csulb.edu::7d1c0f20-0b2e-4254-85e2-0ca8ab29360a" providerId="AD" clId="Web-{69B6F9A1-3C08-A770-2160-539177FB0855}" dt="2024-10-07T08:19:08.187" v="64" actId="20577"/>
        <pc:sldMkLst>
          <pc:docMk/>
          <pc:sldMk cId="1056707939" sldId="288"/>
        </pc:sldMkLst>
        <pc:spChg chg="mod">
          <ac:chgData name="Jehmel Espiritu" userId="S::jehmel.espiritu01@student.csulb.edu::7d1c0f20-0b2e-4254-85e2-0ca8ab29360a" providerId="AD" clId="Web-{69B6F9A1-3C08-A770-2160-539177FB0855}" dt="2024-10-07T08:19:08.187" v="64" actId="20577"/>
          <ac:spMkLst>
            <pc:docMk/>
            <pc:sldMk cId="1056707939" sldId="288"/>
            <ac:spMk id="3" creationId="{B75EAB48-EB0F-5D56-211F-555FFEEDBA4E}"/>
          </ac:spMkLst>
        </pc:spChg>
        <pc:spChg chg="add del mod">
          <ac:chgData name="Jehmel Espiritu" userId="S::jehmel.espiritu01@student.csulb.edu::7d1c0f20-0b2e-4254-85e2-0ca8ab29360a" providerId="AD" clId="Web-{69B6F9A1-3C08-A770-2160-539177FB0855}" dt="2024-10-07T08:18:22.795" v="57"/>
          <ac:spMkLst>
            <pc:docMk/>
            <pc:sldMk cId="1056707939" sldId="288"/>
            <ac:spMk id="5" creationId="{1E708A11-52D3-5538-2BF2-978D32D6AFFD}"/>
          </ac:spMkLst>
        </pc:spChg>
      </pc:sldChg>
    </pc:docChg>
  </pc:docChgLst>
  <pc:docChgLst>
    <pc:chgData name="Joseph Guzman" userId="S::joseph.guzman@student.csulb.edu::17ccc4ac-b72a-4c03-9511-790abe281be7" providerId="AD" clId="Web-{D36BC249-34AC-62E5-05A4-6DA5900C2F3F}"/>
    <pc:docChg chg="modSld">
      <pc:chgData name="Joseph Guzman" userId="S::joseph.guzman@student.csulb.edu::17ccc4ac-b72a-4c03-9511-790abe281be7" providerId="AD" clId="Web-{D36BC249-34AC-62E5-05A4-6DA5900C2F3F}" dt="2024-10-03T03:59:26.307" v="4" actId="20577"/>
      <pc:docMkLst>
        <pc:docMk/>
      </pc:docMkLst>
      <pc:sldChg chg="modSp">
        <pc:chgData name="Joseph Guzman" userId="S::joseph.guzman@student.csulb.edu::17ccc4ac-b72a-4c03-9511-790abe281be7" providerId="AD" clId="Web-{D36BC249-34AC-62E5-05A4-6DA5900C2F3F}" dt="2024-10-03T03:59:26.307" v="4" actId="20577"/>
        <pc:sldMkLst>
          <pc:docMk/>
          <pc:sldMk cId="2241459136" sldId="279"/>
        </pc:sldMkLst>
        <pc:spChg chg="mod">
          <ac:chgData name="Joseph Guzman" userId="S::joseph.guzman@student.csulb.edu::17ccc4ac-b72a-4c03-9511-790abe281be7" providerId="AD" clId="Web-{D36BC249-34AC-62E5-05A4-6DA5900C2F3F}" dt="2024-10-03T03:59:26.307" v="4" actId="20577"/>
          <ac:spMkLst>
            <pc:docMk/>
            <pc:sldMk cId="2241459136" sldId="279"/>
            <ac:spMk id="2" creationId="{818AFA5E-469B-2BFC-9D4E-BD1EC6E48CA0}"/>
          </ac:spMkLst>
        </pc:spChg>
      </pc:sldChg>
    </pc:docChg>
  </pc:docChgLst>
  <pc:docChgLst>
    <pc:chgData name="Lee Roger Ordinario" userId="S::leeroger.ordinario@student.csulb.edu::e2be2748-e70e-413f-96a8-6c9ccc8a73f4" providerId="AD" clId="Web-{E7C44F50-B1C5-F785-D5C5-AB464180E284}"/>
    <pc:docChg chg="modSld">
      <pc:chgData name="Lee Roger Ordinario" userId="S::leeroger.ordinario@student.csulb.edu::e2be2748-e70e-413f-96a8-6c9ccc8a73f4" providerId="AD" clId="Web-{E7C44F50-B1C5-F785-D5C5-AB464180E284}" dt="2024-10-05T00:42:12.549" v="308" actId="20577"/>
      <pc:docMkLst>
        <pc:docMk/>
      </pc:docMkLst>
      <pc:sldChg chg="modSp">
        <pc:chgData name="Lee Roger Ordinario" userId="S::leeroger.ordinario@student.csulb.edu::e2be2748-e70e-413f-96a8-6c9ccc8a73f4" providerId="AD" clId="Web-{E7C44F50-B1C5-F785-D5C5-AB464180E284}" dt="2024-10-05T00:42:12.549" v="308" actId="20577"/>
        <pc:sldMkLst>
          <pc:docMk/>
          <pc:sldMk cId="212836177" sldId="289"/>
        </pc:sldMkLst>
        <pc:spChg chg="mod">
          <ac:chgData name="Lee Roger Ordinario" userId="S::leeroger.ordinario@student.csulb.edu::e2be2748-e70e-413f-96a8-6c9ccc8a73f4" providerId="AD" clId="Web-{E7C44F50-B1C5-F785-D5C5-AB464180E284}" dt="2024-10-05T00:42:12.549" v="308" actId="20577"/>
          <ac:spMkLst>
            <pc:docMk/>
            <pc:sldMk cId="212836177" sldId="289"/>
            <ac:spMk id="15" creationId="{D2585015-F5E1-EA4B-9631-4DBDE810EBFA}"/>
          </ac:spMkLst>
        </pc:spChg>
      </pc:sldChg>
    </pc:docChg>
  </pc:docChgLst>
  <pc:docChgLst>
    <pc:chgData name="Jeremy Espiritu" userId="S::jeremy.espiritu01@student.csulb.edu::3ddd224a-0f79-4347-b29a-3363c0b2c8d6" providerId="AD" clId="Web-{258BD64C-B732-843C-E9CF-4B8354AE8707}"/>
    <pc:docChg chg="modSld">
      <pc:chgData name="Jeremy Espiritu" userId="S::jeremy.espiritu01@student.csulb.edu::3ddd224a-0f79-4347-b29a-3363c0b2c8d6" providerId="AD" clId="Web-{258BD64C-B732-843C-E9CF-4B8354AE8707}" dt="2024-10-07T00:00:17.785" v="104" actId="20577"/>
      <pc:docMkLst>
        <pc:docMk/>
      </pc:docMkLst>
      <pc:sldChg chg="modSp">
        <pc:chgData name="Jeremy Espiritu" userId="S::jeremy.espiritu01@student.csulb.edu::3ddd224a-0f79-4347-b29a-3363c0b2c8d6" providerId="AD" clId="Web-{258BD64C-B732-843C-E9CF-4B8354AE8707}" dt="2024-10-07T00:00:17.785" v="104" actId="20577"/>
        <pc:sldMkLst>
          <pc:docMk/>
          <pc:sldMk cId="2018400078" sldId="295"/>
        </pc:sldMkLst>
        <pc:spChg chg="mod">
          <ac:chgData name="Jeremy Espiritu" userId="S::jeremy.espiritu01@student.csulb.edu::3ddd224a-0f79-4347-b29a-3363c0b2c8d6" providerId="AD" clId="Web-{258BD64C-B732-843C-E9CF-4B8354AE8707}" dt="2024-10-07T00:00:17.785" v="104" actId="20577"/>
          <ac:spMkLst>
            <pc:docMk/>
            <pc:sldMk cId="2018400078" sldId="295"/>
            <ac:spMk id="24" creationId="{FBFA847B-2CA0-417A-D7E9-1369EAA2FB11}"/>
          </ac:spMkLst>
        </pc:spChg>
      </pc:sldChg>
    </pc:docChg>
  </pc:docChgLst>
  <pc:docChgLst>
    <pc:chgData name="Jonathan Cerniaz" userId="S::jonathan.cerniaz01@student.csulb.edu::3b628a21-462a-4b55-bac2-0c5dbb20dd63" providerId="AD" clId="Web-{BABEED6D-D7E3-56D6-632B-408A01C4CCB5}"/>
    <pc:docChg chg="modSld addMainMaster delMainMaster">
      <pc:chgData name="Jonathan Cerniaz" userId="S::jonathan.cerniaz01@student.csulb.edu::3b628a21-462a-4b55-bac2-0c5dbb20dd63" providerId="AD" clId="Web-{BABEED6D-D7E3-56D6-632B-408A01C4CCB5}" dt="2024-10-06T06:28:37.911" v="304"/>
      <pc:docMkLst>
        <pc:docMk/>
      </pc:docMkLst>
      <pc:sldChg chg="modSp mod modClrScheme chgLayout">
        <pc:chgData name="Jonathan Cerniaz" userId="S::jonathan.cerniaz01@student.csulb.edu::3b628a21-462a-4b55-bac2-0c5dbb20dd63" providerId="AD" clId="Web-{BABEED6D-D7E3-56D6-632B-408A01C4CCB5}" dt="2024-10-06T06:28:37.911" v="304"/>
        <pc:sldMkLst>
          <pc:docMk/>
          <pc:sldMk cId="2586058810" sldId="256"/>
        </pc:sldMkLst>
        <pc:spChg chg="mod ord">
          <ac:chgData name="Jonathan Cerniaz" userId="S::jonathan.cerniaz01@student.csulb.edu::3b628a21-462a-4b55-bac2-0c5dbb20dd63" providerId="AD" clId="Web-{BABEED6D-D7E3-56D6-632B-408A01C4CCB5}" dt="2024-10-06T06:28:37.911" v="304"/>
          <ac:spMkLst>
            <pc:docMk/>
            <pc:sldMk cId="2586058810" sldId="256"/>
            <ac:spMk id="2" creationId="{CFE75451-6A4B-484B-9ED1-353CCE25B0F4}"/>
          </ac:spMkLst>
        </pc:spChg>
      </pc:sldChg>
      <pc:sldChg chg="addSp modSp mod modClrScheme chgLayout">
        <pc:chgData name="Jonathan Cerniaz" userId="S::jonathan.cerniaz01@student.csulb.edu::3b628a21-462a-4b55-bac2-0c5dbb20dd63" providerId="AD" clId="Web-{BABEED6D-D7E3-56D6-632B-408A01C4CCB5}" dt="2024-10-06T06:28:37.911" v="304"/>
        <pc:sldMkLst>
          <pc:docMk/>
          <pc:sldMk cId="3571516367" sldId="258"/>
        </pc:sldMkLst>
        <pc:spChg chg="mod ord">
          <ac:chgData name="Jonathan Cerniaz" userId="S::jonathan.cerniaz01@student.csulb.edu::3b628a21-462a-4b55-bac2-0c5dbb20dd63" providerId="AD" clId="Web-{BABEED6D-D7E3-56D6-632B-408A01C4CCB5}" dt="2024-10-06T06:28:37.911" v="304"/>
          <ac:spMkLst>
            <pc:docMk/>
            <pc:sldMk cId="3571516367" sldId="258"/>
            <ac:spMk id="2" creationId="{0A32731C-311B-46F7-A865-6C3AF6B09A47}"/>
          </ac:spMkLst>
        </pc:spChg>
        <pc:spChg chg="mod ord">
          <ac:chgData name="Jonathan Cerniaz" userId="S::jonathan.cerniaz01@student.csulb.edu::3b628a21-462a-4b55-bac2-0c5dbb20dd63" providerId="AD" clId="Web-{BABEED6D-D7E3-56D6-632B-408A01C4CCB5}" dt="2024-10-06T06:28:37.911" v="304"/>
          <ac:spMkLst>
            <pc:docMk/>
            <pc:sldMk cId="3571516367" sldId="258"/>
            <ac:spMk id="3" creationId="{9D5232F9-FD00-464A-9F17-619C91AEF8F3}"/>
          </ac:spMkLst>
        </pc:spChg>
        <pc:picChg chg="add mod ord">
          <ac:chgData name="Jonathan Cerniaz" userId="S::jonathan.cerniaz01@student.csulb.edu::3b628a21-462a-4b55-bac2-0c5dbb20dd63" providerId="AD" clId="Web-{BABEED6D-D7E3-56D6-632B-408A01C4CCB5}" dt="2024-10-06T06:24:45.985" v="289" actId="1076"/>
          <ac:picMkLst>
            <pc:docMk/>
            <pc:sldMk cId="3571516367" sldId="258"/>
            <ac:picMk id="5" creationId="{82F485A9-4DE5-3799-168A-B45C75378ACB}"/>
          </ac:picMkLst>
        </pc:picChg>
      </pc:sldChg>
      <pc:sldChg chg="modSp mod modClrScheme chgLayout">
        <pc:chgData name="Jonathan Cerniaz" userId="S::jonathan.cerniaz01@student.csulb.edu::3b628a21-462a-4b55-bac2-0c5dbb20dd63" providerId="AD" clId="Web-{BABEED6D-D7E3-56D6-632B-408A01C4CCB5}" dt="2024-10-06T06:28:37.911" v="304"/>
        <pc:sldMkLst>
          <pc:docMk/>
          <pc:sldMk cId="1969787568" sldId="271"/>
        </pc:sldMkLst>
        <pc:spChg chg="mod ord">
          <ac:chgData name="Jonathan Cerniaz" userId="S::jonathan.cerniaz01@student.csulb.edu::3b628a21-462a-4b55-bac2-0c5dbb20dd63" providerId="AD" clId="Web-{BABEED6D-D7E3-56D6-632B-408A01C4CCB5}" dt="2024-10-06T06:28:37.911" v="304"/>
          <ac:spMkLst>
            <pc:docMk/>
            <pc:sldMk cId="1969787568" sldId="271"/>
            <ac:spMk id="2" creationId="{8BDF1EDE-5423-435C-B149-87AB1BC22B83}"/>
          </ac:spMkLst>
        </pc:spChg>
      </pc:sldChg>
      <pc:sldChg chg="addSp modSp mod setBg modClrScheme chgLayout">
        <pc:chgData name="Jonathan Cerniaz" userId="S::jonathan.cerniaz01@student.csulb.edu::3b628a21-462a-4b55-bac2-0c5dbb20dd63" providerId="AD" clId="Web-{BABEED6D-D7E3-56D6-632B-408A01C4CCB5}" dt="2024-10-06T06:28:37.911" v="304"/>
        <pc:sldMkLst>
          <pc:docMk/>
          <pc:sldMk cId="608796113" sldId="278"/>
        </pc:sldMkLst>
        <pc:spChg chg="add mod ord">
          <ac:chgData name="Jonathan Cerniaz" userId="S::jonathan.cerniaz01@student.csulb.edu::3b628a21-462a-4b55-bac2-0c5dbb20dd63" providerId="AD" clId="Web-{BABEED6D-D7E3-56D6-632B-408A01C4CCB5}" dt="2024-10-06T06:28:37.911" v="304"/>
          <ac:spMkLst>
            <pc:docMk/>
            <pc:sldMk cId="608796113" sldId="278"/>
            <ac:spMk id="2" creationId="{3B9733BC-553E-2106-F1D7-681702085F31}"/>
          </ac:spMkLst>
        </pc:spChg>
        <pc:spChg chg="mod">
          <ac:chgData name="Jonathan Cerniaz" userId="S::jonathan.cerniaz01@student.csulb.edu::3b628a21-462a-4b55-bac2-0c5dbb20dd63" providerId="AD" clId="Web-{BABEED6D-D7E3-56D6-632B-408A01C4CCB5}" dt="2024-10-06T06:25:42.986" v="293" actId="20577"/>
          <ac:spMkLst>
            <pc:docMk/>
            <pc:sldMk cId="608796113" sldId="278"/>
            <ac:spMk id="3" creationId="{D74BC406-1584-A7F7-A390-93AAD90F20F3}"/>
          </ac:spMkLst>
        </pc:spChg>
        <pc:spChg chg="mod">
          <ac:chgData name="Jonathan Cerniaz" userId="S::jonathan.cerniaz01@student.csulb.edu::3b628a21-462a-4b55-bac2-0c5dbb20dd63" providerId="AD" clId="Web-{BABEED6D-D7E3-56D6-632B-408A01C4CCB5}" dt="2024-10-06T06:25:48.986" v="294"/>
          <ac:spMkLst>
            <pc:docMk/>
            <pc:sldMk cId="608796113" sldId="278"/>
            <ac:spMk id="10" creationId="{A7CDD1D2-9D04-3C93-0F81-BAABDCCCD453}"/>
          </ac:spMkLst>
        </pc:spChg>
        <pc:spChg chg="mod">
          <ac:chgData name="Jonathan Cerniaz" userId="S::jonathan.cerniaz01@student.csulb.edu::3b628a21-462a-4b55-bac2-0c5dbb20dd63" providerId="AD" clId="Web-{BABEED6D-D7E3-56D6-632B-408A01C4CCB5}" dt="2024-10-06T06:25:48.986" v="295"/>
          <ac:spMkLst>
            <pc:docMk/>
            <pc:sldMk cId="608796113" sldId="278"/>
            <ac:spMk id="11" creationId="{B806B5B0-7B49-BF43-5F73-8A8EBEBA4FC2}"/>
          </ac:spMkLst>
        </pc:spChg>
        <pc:spChg chg="mod">
          <ac:chgData name="Jonathan Cerniaz" userId="S::jonathan.cerniaz01@student.csulb.edu::3b628a21-462a-4b55-bac2-0c5dbb20dd63" providerId="AD" clId="Web-{BABEED6D-D7E3-56D6-632B-408A01C4CCB5}" dt="2024-10-06T06:25:48.986" v="296"/>
          <ac:spMkLst>
            <pc:docMk/>
            <pc:sldMk cId="608796113" sldId="278"/>
            <ac:spMk id="12" creationId="{C7E4C41A-0195-C7C2-2ED2-FC68A13136EB}"/>
          </ac:spMkLst>
        </pc:spChg>
        <pc:spChg chg="mod">
          <ac:chgData name="Jonathan Cerniaz" userId="S::jonathan.cerniaz01@student.csulb.edu::3b628a21-462a-4b55-bac2-0c5dbb20dd63" providerId="AD" clId="Web-{BABEED6D-D7E3-56D6-632B-408A01C4CCB5}" dt="2024-10-06T06:25:48.986" v="297"/>
          <ac:spMkLst>
            <pc:docMk/>
            <pc:sldMk cId="608796113" sldId="278"/>
            <ac:spMk id="13" creationId="{5A6D4650-B26C-F383-8AAE-814A2264854C}"/>
          </ac:spMkLst>
        </pc:spChg>
        <pc:spChg chg="mod">
          <ac:chgData name="Jonathan Cerniaz" userId="S::jonathan.cerniaz01@student.csulb.edu::3b628a21-462a-4b55-bac2-0c5dbb20dd63" providerId="AD" clId="Web-{BABEED6D-D7E3-56D6-632B-408A01C4CCB5}" dt="2024-10-06T06:25:48.986" v="298"/>
          <ac:spMkLst>
            <pc:docMk/>
            <pc:sldMk cId="608796113" sldId="278"/>
            <ac:spMk id="14" creationId="{A5DA1B6D-9A93-A065-D7C5-3E82D790824A}"/>
          </ac:spMkLst>
        </pc:spChg>
        <pc:spChg chg="mod">
          <ac:chgData name="Jonathan Cerniaz" userId="S::jonathan.cerniaz01@student.csulb.edu::3b628a21-462a-4b55-bac2-0c5dbb20dd63" providerId="AD" clId="Web-{BABEED6D-D7E3-56D6-632B-408A01C4CCB5}" dt="2024-10-06T06:25:49.017" v="299"/>
          <ac:spMkLst>
            <pc:docMk/>
            <pc:sldMk cId="608796113" sldId="278"/>
            <ac:spMk id="15" creationId="{D2585015-F5E1-EA4B-9631-4DBDE810EBFA}"/>
          </ac:spMkLst>
        </pc:spChg>
        <pc:spChg chg="add mod ord">
          <ac:chgData name="Jonathan Cerniaz" userId="S::jonathan.cerniaz01@student.csulb.edu::3b628a21-462a-4b55-bac2-0c5dbb20dd63" providerId="AD" clId="Web-{BABEED6D-D7E3-56D6-632B-408A01C4CCB5}" dt="2024-10-06T06:28:37.911" v="304"/>
          <ac:spMkLst>
            <pc:docMk/>
            <pc:sldMk cId="608796113" sldId="278"/>
            <ac:spMk id="16" creationId="{FF179795-6C1C-1D31-2B8D-FF87BF2A2885}"/>
          </ac:spMkLst>
        </pc:spChg>
      </pc:sldChg>
      <pc:sldChg chg="modSp mod modClrScheme chgLayout">
        <pc:chgData name="Jonathan Cerniaz" userId="S::jonathan.cerniaz01@student.csulb.edu::3b628a21-462a-4b55-bac2-0c5dbb20dd63" providerId="AD" clId="Web-{BABEED6D-D7E3-56D6-632B-408A01C4CCB5}" dt="2024-10-06T06:28:37.911" v="304"/>
        <pc:sldMkLst>
          <pc:docMk/>
          <pc:sldMk cId="2241459136" sldId="279"/>
        </pc:sldMkLst>
        <pc:spChg chg="mod ord">
          <ac:chgData name="Jonathan Cerniaz" userId="S::jonathan.cerniaz01@student.csulb.edu::3b628a21-462a-4b55-bac2-0c5dbb20dd63" providerId="AD" clId="Web-{BABEED6D-D7E3-56D6-632B-408A01C4CCB5}" dt="2024-10-06T06:28:37.911" v="304"/>
          <ac:spMkLst>
            <pc:docMk/>
            <pc:sldMk cId="2241459136" sldId="279"/>
            <ac:spMk id="2" creationId="{818AFA5E-469B-2BFC-9D4E-BD1EC6E48CA0}"/>
          </ac:spMkLst>
        </pc:spChg>
      </pc:sldChg>
      <pc:sldChg chg="addSp delSp modSp mod modClrScheme chgLayout">
        <pc:chgData name="Jonathan Cerniaz" userId="S::jonathan.cerniaz01@student.csulb.edu::3b628a21-462a-4b55-bac2-0c5dbb20dd63" providerId="AD" clId="Web-{BABEED6D-D7E3-56D6-632B-408A01C4CCB5}" dt="2024-10-06T06:28:37.911" v="304"/>
        <pc:sldMkLst>
          <pc:docMk/>
          <pc:sldMk cId="636929804" sldId="282"/>
        </pc:sldMkLst>
        <pc:spChg chg="mod ord">
          <ac:chgData name="Jonathan Cerniaz" userId="S::jonathan.cerniaz01@student.csulb.edu::3b628a21-462a-4b55-bac2-0c5dbb20dd63" providerId="AD" clId="Web-{BABEED6D-D7E3-56D6-632B-408A01C4CCB5}" dt="2024-10-06T06:28:37.911" v="304"/>
          <ac:spMkLst>
            <pc:docMk/>
            <pc:sldMk cId="636929804" sldId="282"/>
            <ac:spMk id="2" creationId="{8B27D9B3-B64F-656A-0D99-161A6C0F518F}"/>
          </ac:spMkLst>
        </pc:spChg>
        <pc:spChg chg="del">
          <ac:chgData name="Jonathan Cerniaz" userId="S::jonathan.cerniaz01@student.csulb.edu::3b628a21-462a-4b55-bac2-0c5dbb20dd63" providerId="AD" clId="Web-{BABEED6D-D7E3-56D6-632B-408A01C4CCB5}" dt="2024-10-06T05:46:55.153" v="136"/>
          <ac:spMkLst>
            <pc:docMk/>
            <pc:sldMk cId="636929804" sldId="282"/>
            <ac:spMk id="4" creationId="{D2C60F32-AA63-F4FE-B457-DD9C324820E7}"/>
          </ac:spMkLst>
        </pc:spChg>
        <pc:spChg chg="mod ord">
          <ac:chgData name="Jonathan Cerniaz" userId="S::jonathan.cerniaz01@student.csulb.edu::3b628a21-462a-4b55-bac2-0c5dbb20dd63" providerId="AD" clId="Web-{BABEED6D-D7E3-56D6-632B-408A01C4CCB5}" dt="2024-10-06T06:28:37.911" v="304"/>
          <ac:spMkLst>
            <pc:docMk/>
            <pc:sldMk cId="636929804" sldId="282"/>
            <ac:spMk id="6" creationId="{FCACB936-DD2F-A2BD-A8B1-BC454ED9064A}"/>
          </ac:spMkLst>
        </pc:spChg>
        <pc:spChg chg="add mod ord">
          <ac:chgData name="Jonathan Cerniaz" userId="S::jonathan.cerniaz01@student.csulb.edu::3b628a21-462a-4b55-bac2-0c5dbb20dd63" providerId="AD" clId="Web-{BABEED6D-D7E3-56D6-632B-408A01C4CCB5}" dt="2024-10-06T06:28:37.911" v="304"/>
          <ac:spMkLst>
            <pc:docMk/>
            <pc:sldMk cId="636929804" sldId="282"/>
            <ac:spMk id="7" creationId="{70B7A920-4FC3-D703-B1E3-984DB7B5E66D}"/>
          </ac:spMkLst>
        </pc:spChg>
        <pc:spChg chg="mod ord">
          <ac:chgData name="Jonathan Cerniaz" userId="S::jonathan.cerniaz01@student.csulb.edu::3b628a21-462a-4b55-bac2-0c5dbb20dd63" providerId="AD" clId="Web-{BABEED6D-D7E3-56D6-632B-408A01C4CCB5}" dt="2024-10-06T06:28:37.911" v="304"/>
          <ac:spMkLst>
            <pc:docMk/>
            <pc:sldMk cId="636929804" sldId="282"/>
            <ac:spMk id="8" creationId="{6F3A1E35-FBF8-4091-889C-D7B7655CCE1D}"/>
          </ac:spMkLst>
        </pc:spChg>
        <pc:spChg chg="mod ord">
          <ac:chgData name="Jonathan Cerniaz" userId="S::jonathan.cerniaz01@student.csulb.edu::3b628a21-462a-4b55-bac2-0c5dbb20dd63" providerId="AD" clId="Web-{BABEED6D-D7E3-56D6-632B-408A01C4CCB5}" dt="2024-10-06T06:28:37.911" v="304"/>
          <ac:spMkLst>
            <pc:docMk/>
            <pc:sldMk cId="636929804" sldId="282"/>
            <ac:spMk id="68" creationId="{AA0ACADD-CC4E-851C-DA07-C22DB97FA23E}"/>
          </ac:spMkLst>
        </pc:spChg>
        <pc:picChg chg="add del mod ord modCrop">
          <ac:chgData name="Jonathan Cerniaz" userId="S::jonathan.cerniaz01@student.csulb.edu::3b628a21-462a-4b55-bac2-0c5dbb20dd63" providerId="AD" clId="Web-{BABEED6D-D7E3-56D6-632B-408A01C4CCB5}" dt="2024-10-06T05:56:19.575" v="160"/>
          <ac:picMkLst>
            <pc:docMk/>
            <pc:sldMk cId="636929804" sldId="282"/>
            <ac:picMk id="3" creationId="{BC97D30F-1889-BB49-5A55-5A706F8B6B0C}"/>
          </ac:picMkLst>
        </pc:picChg>
        <pc:picChg chg="mod ord">
          <ac:chgData name="Jonathan Cerniaz" userId="S::jonathan.cerniaz01@student.csulb.edu::3b628a21-462a-4b55-bac2-0c5dbb20dd63" providerId="AD" clId="Web-{BABEED6D-D7E3-56D6-632B-408A01C4CCB5}" dt="2024-10-06T06:28:37.911" v="304"/>
          <ac:picMkLst>
            <pc:docMk/>
            <pc:sldMk cId="636929804" sldId="282"/>
            <ac:picMk id="11" creationId="{5A89C84F-A66A-8DDB-991B-DBA4D2BF6889}"/>
          </ac:picMkLst>
        </pc:picChg>
      </pc:sldChg>
      <pc:sldChg chg="modSp mod modClrScheme chgLayout">
        <pc:chgData name="Jonathan Cerniaz" userId="S::jonathan.cerniaz01@student.csulb.edu::3b628a21-462a-4b55-bac2-0c5dbb20dd63" providerId="AD" clId="Web-{BABEED6D-D7E3-56D6-632B-408A01C4CCB5}" dt="2024-10-06T06:28:37.911" v="304"/>
        <pc:sldMkLst>
          <pc:docMk/>
          <pc:sldMk cId="1658164610" sldId="283"/>
        </pc:sldMkLst>
        <pc:spChg chg="mod ord">
          <ac:chgData name="Jonathan Cerniaz" userId="S::jonathan.cerniaz01@student.csulb.edu::3b628a21-462a-4b55-bac2-0c5dbb20dd63" providerId="AD" clId="Web-{BABEED6D-D7E3-56D6-632B-408A01C4CCB5}" dt="2024-10-06T06:28:37.911" v="304"/>
          <ac:spMkLst>
            <pc:docMk/>
            <pc:sldMk cId="1658164610" sldId="283"/>
            <ac:spMk id="3" creationId="{4321055C-5E33-5D21-2A6E-21827FA88ED3}"/>
          </ac:spMkLst>
        </pc:spChg>
        <pc:spChg chg="mod ord">
          <ac:chgData name="Jonathan Cerniaz" userId="S::jonathan.cerniaz01@student.csulb.edu::3b628a21-462a-4b55-bac2-0c5dbb20dd63" providerId="AD" clId="Web-{BABEED6D-D7E3-56D6-632B-408A01C4CCB5}" dt="2024-10-06T06:28:37.911" v="304"/>
          <ac:spMkLst>
            <pc:docMk/>
            <pc:sldMk cId="1658164610" sldId="283"/>
            <ac:spMk id="4" creationId="{DB1DFFE4-A86E-E322-945E-D8CE77A81B94}"/>
          </ac:spMkLst>
        </pc:spChg>
        <pc:spChg chg="mod">
          <ac:chgData name="Jonathan Cerniaz" userId="S::jonathan.cerniaz01@student.csulb.edu::3b628a21-462a-4b55-bac2-0c5dbb20dd63" providerId="AD" clId="Web-{BABEED6D-D7E3-56D6-632B-408A01C4CCB5}" dt="2024-10-06T05:57:04.216" v="162" actId="20577"/>
          <ac:spMkLst>
            <pc:docMk/>
            <pc:sldMk cId="1658164610" sldId="283"/>
            <ac:spMk id="6" creationId="{B587B122-1579-FDB8-443B-F05E622163C3}"/>
          </ac:spMkLst>
        </pc:spChg>
        <pc:spChg chg="mod ord">
          <ac:chgData name="Jonathan Cerniaz" userId="S::jonathan.cerniaz01@student.csulb.edu::3b628a21-462a-4b55-bac2-0c5dbb20dd63" providerId="AD" clId="Web-{BABEED6D-D7E3-56D6-632B-408A01C4CCB5}" dt="2024-10-06T06:28:37.911" v="304"/>
          <ac:spMkLst>
            <pc:docMk/>
            <pc:sldMk cId="1658164610" sldId="283"/>
            <ac:spMk id="32" creationId="{B4C73033-1B30-D909-C8B4-A9049229C6CA}"/>
          </ac:spMkLst>
        </pc:spChg>
      </pc:sldChg>
      <pc:sldChg chg="modSp mod modClrScheme chgLayout">
        <pc:chgData name="Jonathan Cerniaz" userId="S::jonathan.cerniaz01@student.csulb.edu::3b628a21-462a-4b55-bac2-0c5dbb20dd63" providerId="AD" clId="Web-{BABEED6D-D7E3-56D6-632B-408A01C4CCB5}" dt="2024-10-06T06:28:37.911" v="304"/>
        <pc:sldMkLst>
          <pc:docMk/>
          <pc:sldMk cId="2791821786" sldId="285"/>
        </pc:sldMkLst>
        <pc:spChg chg="mod ord">
          <ac:chgData name="Jonathan Cerniaz" userId="S::jonathan.cerniaz01@student.csulb.edu::3b628a21-462a-4b55-bac2-0c5dbb20dd63" providerId="AD" clId="Web-{BABEED6D-D7E3-56D6-632B-408A01C4CCB5}" dt="2024-10-06T06:28:37.911" v="304"/>
          <ac:spMkLst>
            <pc:docMk/>
            <pc:sldMk cId="2791821786" sldId="285"/>
            <ac:spMk id="3" creationId="{4A52F19F-778C-4E1A-FBE7-B34E0883C868}"/>
          </ac:spMkLst>
        </pc:spChg>
        <pc:spChg chg="mod ord">
          <ac:chgData name="Jonathan Cerniaz" userId="S::jonathan.cerniaz01@student.csulb.edu::3b628a21-462a-4b55-bac2-0c5dbb20dd63" providerId="AD" clId="Web-{BABEED6D-D7E3-56D6-632B-408A01C4CCB5}" dt="2024-10-06T06:28:37.911" v="304"/>
          <ac:spMkLst>
            <pc:docMk/>
            <pc:sldMk cId="2791821786" sldId="285"/>
            <ac:spMk id="8" creationId="{3E5FEE2D-79E5-4C1D-8BF7-EE619CA7039A}"/>
          </ac:spMkLst>
        </pc:spChg>
      </pc:sldChg>
      <pc:sldChg chg="modSp mod modClrScheme chgLayout">
        <pc:chgData name="Jonathan Cerniaz" userId="S::jonathan.cerniaz01@student.csulb.edu::3b628a21-462a-4b55-bac2-0c5dbb20dd63" providerId="AD" clId="Web-{BABEED6D-D7E3-56D6-632B-408A01C4CCB5}" dt="2024-10-06T06:28:37.911" v="304"/>
        <pc:sldMkLst>
          <pc:docMk/>
          <pc:sldMk cId="2898855606" sldId="287"/>
        </pc:sldMkLst>
        <pc:spChg chg="mod ord">
          <ac:chgData name="Jonathan Cerniaz" userId="S::jonathan.cerniaz01@student.csulb.edu::3b628a21-462a-4b55-bac2-0c5dbb20dd63" providerId="AD" clId="Web-{BABEED6D-D7E3-56D6-632B-408A01C4CCB5}" dt="2024-10-06T06:28:37.911" v="304"/>
          <ac:spMkLst>
            <pc:docMk/>
            <pc:sldMk cId="2898855606" sldId="287"/>
            <ac:spMk id="2" creationId="{A95E2E6A-35EC-1B8E-0FD7-8C67870ACA64}"/>
          </ac:spMkLst>
        </pc:spChg>
        <pc:spChg chg="mod ord">
          <ac:chgData name="Jonathan Cerniaz" userId="S::jonathan.cerniaz01@student.csulb.edu::3b628a21-462a-4b55-bac2-0c5dbb20dd63" providerId="AD" clId="Web-{BABEED6D-D7E3-56D6-632B-408A01C4CCB5}" dt="2024-10-06T06:28:37.911" v="304"/>
          <ac:spMkLst>
            <pc:docMk/>
            <pc:sldMk cId="2898855606" sldId="287"/>
            <ac:spMk id="8" creationId="{8F44A959-C2BB-9170-C99C-1A2EDB71B994}"/>
          </ac:spMkLst>
        </pc:spChg>
        <pc:spChg chg="mod ord">
          <ac:chgData name="Jonathan Cerniaz" userId="S::jonathan.cerniaz01@student.csulb.edu::3b628a21-462a-4b55-bac2-0c5dbb20dd63" providerId="AD" clId="Web-{BABEED6D-D7E3-56D6-632B-408A01C4CCB5}" dt="2024-10-06T06:28:37.911" v="304"/>
          <ac:spMkLst>
            <pc:docMk/>
            <pc:sldMk cId="2898855606" sldId="287"/>
            <ac:spMk id="12" creationId="{554B61B9-26F6-B304-92CD-03053DAAF2A8}"/>
          </ac:spMkLst>
        </pc:spChg>
        <pc:spChg chg="mod ord">
          <ac:chgData name="Jonathan Cerniaz" userId="S::jonathan.cerniaz01@student.csulb.edu::3b628a21-462a-4b55-bac2-0c5dbb20dd63" providerId="AD" clId="Web-{BABEED6D-D7E3-56D6-632B-408A01C4CCB5}" dt="2024-10-06T06:28:37.911" v="304"/>
          <ac:spMkLst>
            <pc:docMk/>
            <pc:sldMk cId="2898855606" sldId="287"/>
            <ac:spMk id="14" creationId="{CB9F9E8B-42CD-AC26-AFC9-F1F66695693B}"/>
          </ac:spMkLst>
        </pc:spChg>
        <pc:spChg chg="mod ord">
          <ac:chgData name="Jonathan Cerniaz" userId="S::jonathan.cerniaz01@student.csulb.edu::3b628a21-462a-4b55-bac2-0c5dbb20dd63" providerId="AD" clId="Web-{BABEED6D-D7E3-56D6-632B-408A01C4CCB5}" dt="2024-10-06T06:28:37.911" v="304"/>
          <ac:spMkLst>
            <pc:docMk/>
            <pc:sldMk cId="2898855606" sldId="287"/>
            <ac:spMk id="35" creationId="{EDBE6233-75E9-40D1-968F-58CA9AD0FF50}"/>
          </ac:spMkLst>
        </pc:spChg>
        <pc:spChg chg="mod ord">
          <ac:chgData name="Jonathan Cerniaz" userId="S::jonathan.cerniaz01@student.csulb.edu::3b628a21-462a-4b55-bac2-0c5dbb20dd63" providerId="AD" clId="Web-{BABEED6D-D7E3-56D6-632B-408A01C4CCB5}" dt="2024-10-06T06:28:37.911" v="304"/>
          <ac:spMkLst>
            <pc:docMk/>
            <pc:sldMk cId="2898855606" sldId="287"/>
            <ac:spMk id="50" creationId="{8F6B2AE9-DDE4-FD99-A235-3B39EEE21481}"/>
          </ac:spMkLst>
        </pc:spChg>
      </pc:sldChg>
      <pc:sldChg chg="addSp modSp mod modClrScheme chgLayout">
        <pc:chgData name="Jonathan Cerniaz" userId="S::jonathan.cerniaz01@student.csulb.edu::3b628a21-462a-4b55-bac2-0c5dbb20dd63" providerId="AD" clId="Web-{BABEED6D-D7E3-56D6-632B-408A01C4CCB5}" dt="2024-10-06T06:28:37.911" v="304"/>
        <pc:sldMkLst>
          <pc:docMk/>
          <pc:sldMk cId="1056707939" sldId="288"/>
        </pc:sldMkLst>
        <pc:spChg chg="mod ord">
          <ac:chgData name="Jonathan Cerniaz" userId="S::jonathan.cerniaz01@student.csulb.edu::3b628a21-462a-4b55-bac2-0c5dbb20dd63" providerId="AD" clId="Web-{BABEED6D-D7E3-56D6-632B-408A01C4CCB5}" dt="2024-10-06T06:28:37.911" v="304"/>
          <ac:spMkLst>
            <pc:docMk/>
            <pc:sldMk cId="1056707939" sldId="288"/>
            <ac:spMk id="2" creationId="{09F14C2F-3713-35FF-E9B1-120991B24374}"/>
          </ac:spMkLst>
        </pc:spChg>
        <pc:spChg chg="add mod">
          <ac:chgData name="Jonathan Cerniaz" userId="S::jonathan.cerniaz01@student.csulb.edu::3b628a21-462a-4b55-bac2-0c5dbb20dd63" providerId="AD" clId="Web-{BABEED6D-D7E3-56D6-632B-408A01C4CCB5}" dt="2024-10-06T05:57:59.624" v="164"/>
          <ac:spMkLst>
            <pc:docMk/>
            <pc:sldMk cId="1056707939" sldId="288"/>
            <ac:spMk id="3" creationId="{B75EAB48-EB0F-5D56-211F-555FFEEDBA4E}"/>
          </ac:spMkLst>
        </pc:spChg>
      </pc:sldChg>
      <pc:sldChg chg="modSp mod setBg modClrScheme chgLayout">
        <pc:chgData name="Jonathan Cerniaz" userId="S::jonathan.cerniaz01@student.csulb.edu::3b628a21-462a-4b55-bac2-0c5dbb20dd63" providerId="AD" clId="Web-{BABEED6D-D7E3-56D6-632B-408A01C4CCB5}" dt="2024-10-06T06:28:37.911" v="304"/>
        <pc:sldMkLst>
          <pc:docMk/>
          <pc:sldMk cId="212836177" sldId="289"/>
        </pc:sldMkLst>
        <pc:spChg chg="mod">
          <ac:chgData name="Jonathan Cerniaz" userId="S::jonathan.cerniaz01@student.csulb.edu::3b628a21-462a-4b55-bac2-0c5dbb20dd63" providerId="AD" clId="Web-{BABEED6D-D7E3-56D6-632B-408A01C4CCB5}" dt="2024-10-06T04:20:47.515" v="121" actId="20577"/>
          <ac:spMkLst>
            <pc:docMk/>
            <pc:sldMk cId="212836177" sldId="289"/>
            <ac:spMk id="10" creationId="{A7CDD1D2-9D04-3C93-0F81-BAABDCCCD453}"/>
          </ac:spMkLst>
        </pc:spChg>
        <pc:spChg chg="mod">
          <ac:chgData name="Jonathan Cerniaz" userId="S::jonathan.cerniaz01@student.csulb.edu::3b628a21-462a-4b55-bac2-0c5dbb20dd63" providerId="AD" clId="Web-{BABEED6D-D7E3-56D6-632B-408A01C4CCB5}" dt="2024-10-06T03:42:29.336" v="69" actId="14100"/>
          <ac:spMkLst>
            <pc:docMk/>
            <pc:sldMk cId="212836177" sldId="289"/>
            <ac:spMk id="11" creationId="{B806B5B0-7B49-BF43-5F73-8A8EBEBA4FC2}"/>
          </ac:spMkLst>
        </pc:spChg>
        <pc:spChg chg="mod">
          <ac:chgData name="Jonathan Cerniaz" userId="S::jonathan.cerniaz01@student.csulb.edu::3b628a21-462a-4b55-bac2-0c5dbb20dd63" providerId="AD" clId="Web-{BABEED6D-D7E3-56D6-632B-408A01C4CCB5}" dt="2024-10-06T03:42:48.962" v="72" actId="14100"/>
          <ac:spMkLst>
            <pc:docMk/>
            <pc:sldMk cId="212836177" sldId="289"/>
            <ac:spMk id="14" creationId="{A5DA1B6D-9A93-A065-D7C5-3E82D790824A}"/>
          </ac:spMkLst>
        </pc:spChg>
        <pc:spChg chg="mod">
          <ac:chgData name="Jonathan Cerniaz" userId="S::jonathan.cerniaz01@student.csulb.edu::3b628a21-462a-4b55-bac2-0c5dbb20dd63" providerId="AD" clId="Web-{BABEED6D-D7E3-56D6-632B-408A01C4CCB5}" dt="2024-10-06T03:42:57.869" v="74" actId="14100"/>
          <ac:spMkLst>
            <pc:docMk/>
            <pc:sldMk cId="212836177" sldId="289"/>
            <ac:spMk id="15" creationId="{D2585015-F5E1-EA4B-9631-4DBDE810EBFA}"/>
          </ac:spMkLst>
        </pc:spChg>
        <pc:spChg chg="mod">
          <ac:chgData name="Jonathan Cerniaz" userId="S::jonathan.cerniaz01@student.csulb.edu::3b628a21-462a-4b55-bac2-0c5dbb20dd63" providerId="AD" clId="Web-{BABEED6D-D7E3-56D6-632B-408A01C4CCB5}" dt="2024-10-06T04:07:46.106" v="92" actId="14100"/>
          <ac:spMkLst>
            <pc:docMk/>
            <pc:sldMk cId="212836177" sldId="289"/>
            <ac:spMk id="16" creationId="{643FCF67-F77E-F85B-D12A-D5EA4CFC907B}"/>
          </ac:spMkLst>
        </pc:spChg>
      </pc:sldChg>
      <pc:sldChg chg="addSp delSp modSp mod modClrScheme chgLayout">
        <pc:chgData name="Jonathan Cerniaz" userId="S::jonathan.cerniaz01@student.csulb.edu::3b628a21-462a-4b55-bac2-0c5dbb20dd63" providerId="AD" clId="Web-{BABEED6D-D7E3-56D6-632B-408A01C4CCB5}" dt="2024-10-06T06:28:37.911" v="304"/>
        <pc:sldMkLst>
          <pc:docMk/>
          <pc:sldMk cId="2804879295" sldId="291"/>
        </pc:sldMkLst>
        <pc:spChg chg="mod ord">
          <ac:chgData name="Jonathan Cerniaz" userId="S::jonathan.cerniaz01@student.csulb.edu::3b628a21-462a-4b55-bac2-0c5dbb20dd63" providerId="AD" clId="Web-{BABEED6D-D7E3-56D6-632B-408A01C4CCB5}" dt="2024-10-06T06:28:37.911" v="304"/>
          <ac:spMkLst>
            <pc:docMk/>
            <pc:sldMk cId="2804879295" sldId="291"/>
            <ac:spMk id="2" creationId="{E8297F09-7025-DF80-C5A1-FBFA2EE74DD2}"/>
          </ac:spMkLst>
        </pc:spChg>
        <pc:spChg chg="mod ord">
          <ac:chgData name="Jonathan Cerniaz" userId="S::jonathan.cerniaz01@student.csulb.edu::3b628a21-462a-4b55-bac2-0c5dbb20dd63" providerId="AD" clId="Web-{BABEED6D-D7E3-56D6-632B-408A01C4CCB5}" dt="2024-10-06T06:28:37.911" v="304"/>
          <ac:spMkLst>
            <pc:docMk/>
            <pc:sldMk cId="2804879295" sldId="291"/>
            <ac:spMk id="3" creationId="{92D3CC64-4176-3513-6CC1-441921739CF8}"/>
          </ac:spMkLst>
        </pc:spChg>
        <pc:spChg chg="del">
          <ac:chgData name="Jonathan Cerniaz" userId="S::jonathan.cerniaz01@student.csulb.edu::3b628a21-462a-4b55-bac2-0c5dbb20dd63" providerId="AD" clId="Web-{BABEED6D-D7E3-56D6-632B-408A01C4CCB5}" dt="2024-10-06T06:24:22.672" v="288"/>
          <ac:spMkLst>
            <pc:docMk/>
            <pc:sldMk cId="2804879295" sldId="291"/>
            <ac:spMk id="4" creationId="{987416F2-5B48-F8D8-0A6F-E0F6731AD76E}"/>
          </ac:spMkLst>
        </pc:spChg>
        <pc:spChg chg="add del mod">
          <ac:chgData name="Jonathan Cerniaz" userId="S::jonathan.cerniaz01@student.csulb.edu::3b628a21-462a-4b55-bac2-0c5dbb20dd63" providerId="AD" clId="Web-{BABEED6D-D7E3-56D6-632B-408A01C4CCB5}" dt="2024-10-06T06:03:40.537" v="171"/>
          <ac:spMkLst>
            <pc:docMk/>
            <pc:sldMk cId="2804879295" sldId="291"/>
            <ac:spMk id="5" creationId="{6050FB90-5445-4142-38EC-65B0D844FAE6}"/>
          </ac:spMkLst>
        </pc:spChg>
        <pc:picChg chg="add mod modCrop">
          <ac:chgData name="Jonathan Cerniaz" userId="S::jonathan.cerniaz01@student.csulb.edu::3b628a21-462a-4b55-bac2-0c5dbb20dd63" providerId="AD" clId="Web-{BABEED6D-D7E3-56D6-632B-408A01C4CCB5}" dt="2024-10-06T06:20:42.308" v="270" actId="1076"/>
          <ac:picMkLst>
            <pc:docMk/>
            <pc:sldMk cId="2804879295" sldId="291"/>
            <ac:picMk id="5" creationId="{2A16A289-99EF-AC01-6874-F4E8534AA5B3}"/>
          </ac:picMkLst>
        </pc:picChg>
        <pc:picChg chg="mod">
          <ac:chgData name="Jonathan Cerniaz" userId="S::jonathan.cerniaz01@student.csulb.edu::3b628a21-462a-4b55-bac2-0c5dbb20dd63" providerId="AD" clId="Web-{BABEED6D-D7E3-56D6-632B-408A01C4CCB5}" dt="2024-10-06T06:13:20.393" v="229" actId="1076"/>
          <ac:picMkLst>
            <pc:docMk/>
            <pc:sldMk cId="2804879295" sldId="291"/>
            <ac:picMk id="5" creationId="{A63ADBA3-E164-5B9F-3E80-E3BA1AD633B4}"/>
          </ac:picMkLst>
        </pc:picChg>
        <pc:picChg chg="add mod">
          <ac:chgData name="Jonathan Cerniaz" userId="S::jonathan.cerniaz01@student.csulb.edu::3b628a21-462a-4b55-bac2-0c5dbb20dd63" providerId="AD" clId="Web-{BABEED6D-D7E3-56D6-632B-408A01C4CCB5}" dt="2024-10-06T06:06:49.681" v="185" actId="14100"/>
          <ac:picMkLst>
            <pc:docMk/>
            <pc:sldMk cId="2804879295" sldId="291"/>
            <ac:picMk id="6" creationId="{6F8B7AFE-CB76-EBDF-722A-27A25E7B643A}"/>
          </ac:picMkLst>
        </pc:picChg>
        <pc:picChg chg="mod">
          <ac:chgData name="Jonathan Cerniaz" userId="S::jonathan.cerniaz01@student.csulb.edu::3b628a21-462a-4b55-bac2-0c5dbb20dd63" providerId="AD" clId="Web-{BABEED6D-D7E3-56D6-632B-408A01C4CCB5}" dt="2024-10-06T06:20:49.074" v="272" actId="1076"/>
          <ac:picMkLst>
            <pc:docMk/>
            <pc:sldMk cId="2804879295" sldId="291"/>
            <ac:picMk id="7" creationId="{3356401D-7397-D628-0EAF-66781BBE0C2F}"/>
          </ac:picMkLst>
        </pc:picChg>
        <pc:picChg chg="mod">
          <ac:chgData name="Jonathan Cerniaz" userId="S::jonathan.cerniaz01@student.csulb.edu::3b628a21-462a-4b55-bac2-0c5dbb20dd63" providerId="AD" clId="Web-{BABEED6D-D7E3-56D6-632B-408A01C4CCB5}" dt="2024-10-06T06:07:02.244" v="187" actId="1076"/>
          <ac:picMkLst>
            <pc:docMk/>
            <pc:sldMk cId="2804879295" sldId="291"/>
            <ac:picMk id="7" creationId="{6DE88837-4D56-E54C-5353-97DD81D7E488}"/>
          </ac:picMkLst>
        </pc:picChg>
        <pc:picChg chg="mod">
          <ac:chgData name="Jonathan Cerniaz" userId="S::jonathan.cerniaz01@student.csulb.edu::3b628a21-462a-4b55-bac2-0c5dbb20dd63" providerId="AD" clId="Web-{BABEED6D-D7E3-56D6-632B-408A01C4CCB5}" dt="2024-10-06T06:07:05.744" v="188" actId="1076"/>
          <ac:picMkLst>
            <pc:docMk/>
            <pc:sldMk cId="2804879295" sldId="291"/>
            <ac:picMk id="8" creationId="{25C6D438-A5FE-F789-EC6C-DE1391490CE2}"/>
          </ac:picMkLst>
        </pc:picChg>
        <pc:picChg chg="add mod modCrop">
          <ac:chgData name="Jonathan Cerniaz" userId="S::jonathan.cerniaz01@student.csulb.edu::3b628a21-462a-4b55-bac2-0c5dbb20dd63" providerId="AD" clId="Web-{BABEED6D-D7E3-56D6-632B-408A01C4CCB5}" dt="2024-10-06T06:20:36.698" v="268" actId="1076"/>
          <ac:picMkLst>
            <pc:docMk/>
            <pc:sldMk cId="2804879295" sldId="291"/>
            <ac:picMk id="8" creationId="{5E01A369-7293-6754-64C1-AEA0397353EA}"/>
          </ac:picMkLst>
        </pc:picChg>
        <pc:picChg chg="mod modCrop">
          <ac:chgData name="Jonathan Cerniaz" userId="S::jonathan.cerniaz01@student.csulb.edu::3b628a21-462a-4b55-bac2-0c5dbb20dd63" providerId="AD" clId="Web-{BABEED6D-D7E3-56D6-632B-408A01C4CCB5}" dt="2024-10-06T06:24:50.594" v="290" actId="1076"/>
          <ac:picMkLst>
            <pc:docMk/>
            <pc:sldMk cId="2804879295" sldId="291"/>
            <ac:picMk id="9" creationId="{031D518B-E500-64E6-2119-B25FB96007AA}"/>
          </ac:picMkLst>
        </pc:picChg>
        <pc:picChg chg="del mod modCrop">
          <ac:chgData name="Jonathan Cerniaz" userId="S::jonathan.cerniaz01@student.csulb.edu::3b628a21-462a-4b55-bac2-0c5dbb20dd63" providerId="AD" clId="Web-{BABEED6D-D7E3-56D6-632B-408A01C4CCB5}" dt="2024-10-06T06:11:39.328" v="221"/>
          <ac:picMkLst>
            <pc:docMk/>
            <pc:sldMk cId="2804879295" sldId="291"/>
            <ac:picMk id="9" creationId="{860A55EF-32F5-F66D-51E0-90683D7D8634}"/>
          </ac:picMkLst>
        </pc:picChg>
        <pc:picChg chg="add mod modCrop">
          <ac:chgData name="Jonathan Cerniaz" userId="S::jonathan.cerniaz01@student.csulb.edu::3b628a21-462a-4b55-bac2-0c5dbb20dd63" providerId="AD" clId="Web-{BABEED6D-D7E3-56D6-632B-408A01C4CCB5}" dt="2024-10-06T06:20:40.370" v="269" actId="1076"/>
          <ac:picMkLst>
            <pc:docMk/>
            <pc:sldMk cId="2804879295" sldId="291"/>
            <ac:picMk id="11" creationId="{BD0BDDC7-DF56-956D-9C5E-E4D37257340D}"/>
          </ac:picMkLst>
        </pc:picChg>
        <pc:picChg chg="add mod">
          <ac:chgData name="Jonathan Cerniaz" userId="S::jonathan.cerniaz01@student.csulb.edu::3b628a21-462a-4b55-bac2-0c5dbb20dd63" providerId="AD" clId="Web-{BABEED6D-D7E3-56D6-632B-408A01C4CCB5}" dt="2024-10-06T06:20:45.995" v="271" actId="1076"/>
          <ac:picMkLst>
            <pc:docMk/>
            <pc:sldMk cId="2804879295" sldId="291"/>
            <ac:picMk id="12" creationId="{167930E7-D096-04C4-F0B4-A2DF8E269EF9}"/>
          </ac:picMkLst>
        </pc:picChg>
      </pc:sldChg>
      <pc:sldMasterChg chg="del delSldLayout">
        <pc:chgData name="Jonathan Cerniaz" userId="S::jonathan.cerniaz01@student.csulb.edu::3b628a21-462a-4b55-bac2-0c5dbb20dd63" providerId="AD" clId="Web-{BABEED6D-D7E3-56D6-632B-408A01C4CCB5}" dt="2024-10-06T06:27:19.769" v="303"/>
        <pc:sldMasterMkLst>
          <pc:docMk/>
          <pc:sldMasterMk cId="2319061225" sldId="2147483648"/>
        </pc:sldMasterMkLst>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1776826555" sldId="2147483649"/>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982124936" sldId="2147483650"/>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4249735939" sldId="2147483651"/>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2432451945" sldId="2147483653"/>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917780591" sldId="2147483664"/>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1291140423" sldId="2147483665"/>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3370680036" sldId="2147483667"/>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1282501794" sldId="2147483669"/>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3754018643" sldId="2147483670"/>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440329692" sldId="2147483671"/>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284012778" sldId="2147483672"/>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2112085538" sldId="2147483673"/>
          </pc:sldLayoutMkLst>
        </pc:sldLayoutChg>
        <pc:sldLayoutChg chg="del">
          <pc:chgData name="Jonathan Cerniaz" userId="S::jonathan.cerniaz01@student.csulb.edu::3b628a21-462a-4b55-bac2-0c5dbb20dd63" providerId="AD" clId="Web-{BABEED6D-D7E3-56D6-632B-408A01C4CCB5}" dt="2024-10-06T06:27:19.769" v="303"/>
          <pc:sldLayoutMkLst>
            <pc:docMk/>
            <pc:sldMasterMk cId="2319061225" sldId="2147483648"/>
            <pc:sldLayoutMk cId="2328081630" sldId="2147483674"/>
          </pc:sldLayoutMkLst>
        </pc:sldLayoutChg>
      </pc:sldMasterChg>
      <pc:sldMasterChg chg="add del addSldLayout delSldLayout modSldLayout">
        <pc:chgData name="Jonathan Cerniaz" userId="S::jonathan.cerniaz01@student.csulb.edu::3b628a21-462a-4b55-bac2-0c5dbb20dd63" providerId="AD" clId="Web-{BABEED6D-D7E3-56D6-632B-408A01C4CCB5}" dt="2024-10-06T06:28:37.911" v="304"/>
        <pc:sldMasterMkLst>
          <pc:docMk/>
          <pc:sldMasterMk cId="2651159377" sldId="2147483675"/>
        </pc:sldMasterMkLst>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1924646612" sldId="2147483676"/>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1704179065" sldId="2147483677"/>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106877930" sldId="2147483678"/>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2221593841" sldId="2147483679"/>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206843517" sldId="2147483680"/>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184186635" sldId="2147483681"/>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068254595" sldId="2147483682"/>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1042401761" sldId="2147483683"/>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2425757591" sldId="2147483684"/>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4073194034" sldId="2147483685"/>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008289291" sldId="2147483686"/>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2178234541" sldId="2147483687"/>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656352669" sldId="2147483688"/>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2036932813" sldId="2147483689"/>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658955541" sldId="2147483690"/>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904668162" sldId="2147483691"/>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2080983589" sldId="2147483692"/>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556932557" sldId="2147483693"/>
          </pc:sldLayoutMkLst>
        </pc:sldLayoutChg>
        <pc:sldLayoutChg chg="add del mod replId">
          <pc:chgData name="Jonathan Cerniaz" userId="S::jonathan.cerniaz01@student.csulb.edu::3b628a21-462a-4b55-bac2-0c5dbb20dd63" providerId="AD" clId="Web-{BABEED6D-D7E3-56D6-632B-408A01C4CCB5}" dt="2024-10-06T06:28:37.911" v="304"/>
          <pc:sldLayoutMkLst>
            <pc:docMk/>
            <pc:sldMasterMk cId="2651159377" sldId="2147483675"/>
            <pc:sldLayoutMk cId="3797689396" sldId="2147483694"/>
          </pc:sldLayoutMkLst>
        </pc:sldLayoutChg>
      </pc:sldMasterChg>
      <pc:sldMasterChg chg="add addSldLayout modSldLayout">
        <pc:chgData name="Jonathan Cerniaz" userId="S::jonathan.cerniaz01@student.csulb.edu::3b628a21-462a-4b55-bac2-0c5dbb20dd63" providerId="AD" clId="Web-{BABEED6D-D7E3-56D6-632B-408A01C4CCB5}" dt="2024-10-06T06:28:37.911" v="304"/>
        <pc:sldMasterMkLst>
          <pc:docMk/>
          <pc:sldMasterMk cId="1564007360" sldId="2147483695"/>
        </pc:sldMasterMkLst>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91159138" sldId="2147483696"/>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129414865" sldId="2147483697"/>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997873096" sldId="2147483698"/>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1796993597" sldId="2147483699"/>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283587322" sldId="2147483700"/>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639556185" sldId="2147483701"/>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3658750780" sldId="2147483702"/>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1177701612" sldId="2147483703"/>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649461714" sldId="2147483704"/>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3741914957" sldId="2147483705"/>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935407526" sldId="2147483706"/>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529382754" sldId="2147483707"/>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1582490003" sldId="2147483708"/>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57440650" sldId="2147483709"/>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75041168" sldId="2147483710"/>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1678658231" sldId="2147483711"/>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860903377" sldId="2147483712"/>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237014386" sldId="2147483713"/>
          </pc:sldLayoutMkLst>
        </pc:sldLayoutChg>
        <pc:sldLayoutChg chg="add mod replId">
          <pc:chgData name="Jonathan Cerniaz" userId="S::jonathan.cerniaz01@student.csulb.edu::3b628a21-462a-4b55-bac2-0c5dbb20dd63" providerId="AD" clId="Web-{BABEED6D-D7E3-56D6-632B-408A01C4CCB5}" dt="2024-10-06T06:28:37.911" v="304"/>
          <pc:sldLayoutMkLst>
            <pc:docMk/>
            <pc:sldMasterMk cId="1564007360" sldId="2147483695"/>
            <pc:sldLayoutMk cId="3529150933" sldId="2147483714"/>
          </pc:sldLayoutMkLst>
        </pc:sldLayoutChg>
      </pc:sldMasterChg>
    </pc:docChg>
  </pc:docChgLst>
  <pc:docChgLst>
    <pc:chgData name="Jonathan Cerniaz" userId="S::jonathan.cerniaz01@student.csulb.edu::3b628a21-462a-4b55-bac2-0c5dbb20dd63" providerId="AD" clId="Web-{07EAEE70-AF0B-00FB-B015-AEB2E6D232B5}"/>
    <pc:docChg chg="modSld">
      <pc:chgData name="Jonathan Cerniaz" userId="S::jonathan.cerniaz01@student.csulb.edu::3b628a21-462a-4b55-bac2-0c5dbb20dd63" providerId="AD" clId="Web-{07EAEE70-AF0B-00FB-B015-AEB2E6D232B5}" dt="2024-09-24T03:00:56.560" v="25" actId="1076"/>
      <pc:docMkLst>
        <pc:docMk/>
      </pc:docMkLst>
      <pc:sldChg chg="addSp modSp">
        <pc:chgData name="Jonathan Cerniaz" userId="S::jonathan.cerniaz01@student.csulb.edu::3b628a21-462a-4b55-bac2-0c5dbb20dd63" providerId="AD" clId="Web-{07EAEE70-AF0B-00FB-B015-AEB2E6D232B5}" dt="2024-09-24T03:00:56.560" v="25" actId="1076"/>
        <pc:sldMkLst>
          <pc:docMk/>
          <pc:sldMk cId="2586058810" sldId="256"/>
        </pc:sldMkLst>
        <pc:spChg chg="mod">
          <ac:chgData name="Jonathan Cerniaz" userId="S::jonathan.cerniaz01@student.csulb.edu::3b628a21-462a-4b55-bac2-0c5dbb20dd63" providerId="AD" clId="Web-{07EAEE70-AF0B-00FB-B015-AEB2E6D232B5}" dt="2024-09-24T02:59:40.963" v="2" actId="20577"/>
          <ac:spMkLst>
            <pc:docMk/>
            <pc:sldMk cId="2586058810" sldId="256"/>
            <ac:spMk id="2" creationId="{CFE75451-6A4B-484B-9ED1-353CCE25B0F4}"/>
          </ac:spMkLst>
        </pc:spChg>
        <pc:spChg chg="add mod">
          <ac:chgData name="Jonathan Cerniaz" userId="S::jonathan.cerniaz01@student.csulb.edu::3b628a21-462a-4b55-bac2-0c5dbb20dd63" providerId="AD" clId="Web-{07EAEE70-AF0B-00FB-B015-AEB2E6D232B5}" dt="2024-09-24T03:00:10.058" v="18" actId="1076"/>
          <ac:spMkLst>
            <pc:docMk/>
            <pc:sldMk cId="2586058810" sldId="256"/>
            <ac:spMk id="3" creationId="{BF2E361B-DEE4-1373-6E81-79CF651440BC}"/>
          </ac:spMkLst>
        </pc:spChg>
        <pc:spChg chg="add mod">
          <ac:chgData name="Jonathan Cerniaz" userId="S::jonathan.cerniaz01@student.csulb.edu::3b628a21-462a-4b55-bac2-0c5dbb20dd63" providerId="AD" clId="Web-{07EAEE70-AF0B-00FB-B015-AEB2E6D232B5}" dt="2024-09-24T03:00:56.560" v="25" actId="1076"/>
          <ac:spMkLst>
            <pc:docMk/>
            <pc:sldMk cId="2586058810" sldId="256"/>
            <ac:spMk id="4" creationId="{ACC3DC37-FCB3-EFEF-C54E-2FB6FE457B7C}"/>
          </ac:spMkLst>
        </pc:spChg>
      </pc:sldChg>
    </pc:docChg>
  </pc:docChgLst>
  <pc:docChgLst>
    <pc:chgData name="Joseph Guzman" userId="S::joseph.guzman@student.csulb.edu::17ccc4ac-b72a-4c03-9511-790abe281be7" providerId="AD" clId="Web-{F1515BB9-18FA-E683-6790-E4A7604EB669}"/>
    <pc:docChg chg="modSld sldOrd">
      <pc:chgData name="Joseph Guzman" userId="S::joseph.guzman@student.csulb.edu::17ccc4ac-b72a-4c03-9511-790abe281be7" providerId="AD" clId="Web-{F1515BB9-18FA-E683-6790-E4A7604EB669}" dt="2024-10-06T09:43:16.176" v="1703" actId="1076"/>
      <pc:docMkLst>
        <pc:docMk/>
      </pc:docMkLst>
      <pc:sldChg chg="addSp delSp modSp">
        <pc:chgData name="Joseph Guzman" userId="S::joseph.guzman@student.csulb.edu::17ccc4ac-b72a-4c03-9511-790abe281be7" providerId="AD" clId="Web-{F1515BB9-18FA-E683-6790-E4A7604EB669}" dt="2024-10-06T06:36:03.956" v="296"/>
        <pc:sldMkLst>
          <pc:docMk/>
          <pc:sldMk cId="2586058810" sldId="256"/>
        </pc:sldMkLst>
        <pc:picChg chg="add del">
          <ac:chgData name="Joseph Guzman" userId="S::joseph.guzman@student.csulb.edu::17ccc4ac-b72a-4c03-9511-790abe281be7" providerId="AD" clId="Web-{F1515BB9-18FA-E683-6790-E4A7604EB669}" dt="2024-10-06T06:36:03.956" v="296"/>
          <ac:picMkLst>
            <pc:docMk/>
            <pc:sldMk cId="2586058810" sldId="256"/>
            <ac:picMk id="5" creationId="{DCAACD97-4D39-4AD9-3A75-648A32F109CF}"/>
          </ac:picMkLst>
        </pc:picChg>
        <pc:picChg chg="add del mod">
          <ac:chgData name="Joseph Guzman" userId="S::joseph.guzman@student.csulb.edu::17ccc4ac-b72a-4c03-9511-790abe281be7" providerId="AD" clId="Web-{F1515BB9-18FA-E683-6790-E4A7604EB669}" dt="2024-10-06T06:34:08.151" v="291"/>
          <ac:picMkLst>
            <pc:docMk/>
            <pc:sldMk cId="2586058810" sldId="256"/>
            <ac:picMk id="7" creationId="{DD8F4A30-9871-39F3-B5F5-3F57B84FD7D3}"/>
          </ac:picMkLst>
        </pc:picChg>
      </pc:sldChg>
      <pc:sldChg chg="addSp delSp modSp mod modClrScheme chgLayout">
        <pc:chgData name="Joseph Guzman" userId="S::joseph.guzman@student.csulb.edu::17ccc4ac-b72a-4c03-9511-790abe281be7" providerId="AD" clId="Web-{F1515BB9-18FA-E683-6790-E4A7604EB669}" dt="2024-10-06T09:43:07.128" v="1701" actId="1076"/>
        <pc:sldMkLst>
          <pc:docMk/>
          <pc:sldMk cId="3571516367" sldId="258"/>
        </pc:sldMkLst>
        <pc:spChg chg="del">
          <ac:chgData name="Joseph Guzman" userId="S::joseph.guzman@student.csulb.edu::17ccc4ac-b72a-4c03-9511-790abe281be7" providerId="AD" clId="Web-{F1515BB9-18FA-E683-6790-E4A7604EB669}" dt="2024-10-06T09:08:53.717" v="955"/>
          <ac:spMkLst>
            <pc:docMk/>
            <pc:sldMk cId="3571516367" sldId="258"/>
            <ac:spMk id="2" creationId="{0A32731C-311B-46F7-A865-6C3AF6B09A47}"/>
          </ac:spMkLst>
        </pc:spChg>
        <pc:spChg chg="mod ord">
          <ac:chgData name="Joseph Guzman" userId="S::joseph.guzman@student.csulb.edu::17ccc4ac-b72a-4c03-9511-790abe281be7" providerId="AD" clId="Web-{F1515BB9-18FA-E683-6790-E4A7604EB669}" dt="2024-10-06T09:43:07.128" v="1701" actId="1076"/>
          <ac:spMkLst>
            <pc:docMk/>
            <pc:sldMk cId="3571516367" sldId="258"/>
            <ac:spMk id="3" creationId="{9D5232F9-FD00-464A-9F17-619C91AEF8F3}"/>
          </ac:spMkLst>
        </pc:spChg>
        <pc:spChg chg="add del mod">
          <ac:chgData name="Joseph Guzman" userId="S::joseph.guzman@student.csulb.edu::17ccc4ac-b72a-4c03-9511-790abe281be7" providerId="AD" clId="Web-{F1515BB9-18FA-E683-6790-E4A7604EB669}" dt="2024-10-06T09:39:02.783" v="1624"/>
          <ac:spMkLst>
            <pc:docMk/>
            <pc:sldMk cId="3571516367" sldId="258"/>
            <ac:spMk id="8" creationId="{BA9B012D-35D5-DE40-D25E-D6300A116D08}"/>
          </ac:spMkLst>
        </pc:spChg>
        <pc:spChg chg="del">
          <ac:chgData name="Joseph Guzman" userId="S::joseph.guzman@student.csulb.edu::17ccc4ac-b72a-4c03-9511-790abe281be7" providerId="AD" clId="Web-{F1515BB9-18FA-E683-6790-E4A7604EB669}" dt="2024-10-06T09:17:25.688" v="1076"/>
          <ac:spMkLst>
            <pc:docMk/>
            <pc:sldMk cId="3571516367" sldId="258"/>
            <ac:spMk id="9" creationId="{54688E97-A3F2-3F13-EFDD-BC327AD9D4CB}"/>
          </ac:spMkLst>
        </pc:spChg>
        <pc:spChg chg="add">
          <ac:chgData name="Joseph Guzman" userId="S::joseph.guzman@student.csulb.edu::17ccc4ac-b72a-4c03-9511-790abe281be7" providerId="AD" clId="Web-{F1515BB9-18FA-E683-6790-E4A7604EB669}" dt="2024-10-06T06:30:20.134" v="258"/>
          <ac:spMkLst>
            <pc:docMk/>
            <pc:sldMk cId="3571516367" sldId="258"/>
            <ac:spMk id="10" creationId="{12F62823-0101-7CF4-393B-D5CD65FB5644}"/>
          </ac:spMkLst>
        </pc:spChg>
        <pc:spChg chg="add del mod">
          <ac:chgData name="Joseph Guzman" userId="S::joseph.guzman@student.csulb.edu::17ccc4ac-b72a-4c03-9511-790abe281be7" providerId="AD" clId="Web-{F1515BB9-18FA-E683-6790-E4A7604EB669}" dt="2024-10-06T09:09:10.046" v="957"/>
          <ac:spMkLst>
            <pc:docMk/>
            <pc:sldMk cId="3571516367" sldId="258"/>
            <ac:spMk id="12" creationId="{F428D7B6-88A0-D373-EC68-F20E9DDC8592}"/>
          </ac:spMkLst>
        </pc:spChg>
        <pc:spChg chg="add del mod ord">
          <ac:chgData name="Joseph Guzman" userId="S::joseph.guzman@student.csulb.edu::17ccc4ac-b72a-4c03-9511-790abe281be7" providerId="AD" clId="Web-{F1515BB9-18FA-E683-6790-E4A7604EB669}" dt="2024-10-06T09:12:22.950" v="1004"/>
          <ac:spMkLst>
            <pc:docMk/>
            <pc:sldMk cId="3571516367" sldId="258"/>
            <ac:spMk id="13" creationId="{653307D7-A985-DAD6-89E2-2594B0726596}"/>
          </ac:spMkLst>
        </pc:spChg>
        <pc:spChg chg="add del mod ord">
          <ac:chgData name="Joseph Guzman" userId="S::joseph.guzman@student.csulb.edu::17ccc4ac-b72a-4c03-9511-790abe281be7" providerId="AD" clId="Web-{F1515BB9-18FA-E683-6790-E4A7604EB669}" dt="2024-10-06T09:12:24.794" v="1005"/>
          <ac:spMkLst>
            <pc:docMk/>
            <pc:sldMk cId="3571516367" sldId="258"/>
            <ac:spMk id="14" creationId="{96A72BDE-D2B1-5563-E5AD-E6FD9A670566}"/>
          </ac:spMkLst>
        </pc:spChg>
        <pc:spChg chg="del">
          <ac:chgData name="Joseph Guzman" userId="S::joseph.guzman@student.csulb.edu::17ccc4ac-b72a-4c03-9511-790abe281be7" providerId="AD" clId="Web-{F1515BB9-18FA-E683-6790-E4A7604EB669}" dt="2024-10-06T06:24:20.947" v="192"/>
          <ac:spMkLst>
            <pc:docMk/>
            <pc:sldMk cId="3571516367" sldId="258"/>
            <ac:spMk id="14" creationId="{ECE635A2-70B8-3EAB-6A18-952B02EBAA1E}"/>
          </ac:spMkLst>
        </pc:spChg>
        <pc:spChg chg="add">
          <ac:chgData name="Joseph Guzman" userId="S::joseph.guzman@student.csulb.edu::17ccc4ac-b72a-4c03-9511-790abe281be7" providerId="AD" clId="Web-{F1515BB9-18FA-E683-6790-E4A7604EB669}" dt="2024-10-06T09:27:37.463" v="1161"/>
          <ac:spMkLst>
            <pc:docMk/>
            <pc:sldMk cId="3571516367" sldId="258"/>
            <ac:spMk id="25" creationId="{FF67AB03-EE30-9363-1C72-69B7F64EC1B3}"/>
          </ac:spMkLst>
        </pc:spChg>
        <pc:spChg chg="add del mod">
          <ac:chgData name="Joseph Guzman" userId="S::joseph.guzman@student.csulb.edu::17ccc4ac-b72a-4c03-9511-790abe281be7" providerId="AD" clId="Web-{F1515BB9-18FA-E683-6790-E4A7604EB669}" dt="2024-10-06T09:39:35.129" v="1638"/>
          <ac:spMkLst>
            <pc:docMk/>
            <pc:sldMk cId="3571516367" sldId="258"/>
            <ac:spMk id="27" creationId="{AC07326D-0D6A-D425-D321-674765AC0D7C}"/>
          </ac:spMkLst>
        </pc:spChg>
        <pc:spChg chg="add del">
          <ac:chgData name="Joseph Guzman" userId="S::joseph.guzman@student.csulb.edu::17ccc4ac-b72a-4c03-9511-790abe281be7" providerId="AD" clId="Web-{F1515BB9-18FA-E683-6790-E4A7604EB669}" dt="2024-10-06T09:39:31.863" v="1637"/>
          <ac:spMkLst>
            <pc:docMk/>
            <pc:sldMk cId="3571516367" sldId="258"/>
            <ac:spMk id="29" creationId="{88E19E54-19AB-171F-8E8B-7DFBA08C940B}"/>
          </ac:spMkLst>
        </pc:spChg>
        <pc:spChg chg="add mod">
          <ac:chgData name="Joseph Guzman" userId="S::joseph.guzman@student.csulb.edu::17ccc4ac-b72a-4c03-9511-790abe281be7" providerId="AD" clId="Web-{F1515BB9-18FA-E683-6790-E4A7604EB669}" dt="2024-10-06T09:39:38.426" v="1642" actId="20577"/>
          <ac:spMkLst>
            <pc:docMk/>
            <pc:sldMk cId="3571516367" sldId="258"/>
            <ac:spMk id="31" creationId="{33E1FA47-B0A5-5134-1B71-2E2CA32AF234}"/>
          </ac:spMkLst>
        </pc:spChg>
        <pc:picChg chg="del">
          <ac:chgData name="Joseph Guzman" userId="S::joseph.guzman@student.csulb.edu::17ccc4ac-b72a-4c03-9511-790abe281be7" providerId="AD" clId="Web-{F1515BB9-18FA-E683-6790-E4A7604EB669}" dt="2024-10-06T06:30:08.008" v="254"/>
          <ac:picMkLst>
            <pc:docMk/>
            <pc:sldMk cId="3571516367" sldId="258"/>
            <ac:picMk id="5" creationId="{82F485A9-4DE5-3799-168A-B45C75378ACB}"/>
          </ac:picMkLst>
        </pc:picChg>
        <pc:picChg chg="add">
          <ac:chgData name="Joseph Guzman" userId="S::joseph.guzman@student.csulb.edu::17ccc4ac-b72a-4c03-9511-790abe281be7" providerId="AD" clId="Web-{F1515BB9-18FA-E683-6790-E4A7604EB669}" dt="2024-10-06T06:30:08.461" v="255"/>
          <ac:picMkLst>
            <pc:docMk/>
            <pc:sldMk cId="3571516367" sldId="258"/>
            <ac:picMk id="6" creationId="{D7110DD8-33C3-655D-B7E3-BBBC53BADE73}"/>
          </ac:picMkLst>
        </pc:picChg>
        <pc:picChg chg="del">
          <ac:chgData name="Joseph Guzman" userId="S::joseph.guzman@student.csulb.edu::17ccc4ac-b72a-4c03-9511-790abe281be7" providerId="AD" clId="Web-{F1515BB9-18FA-E683-6790-E4A7604EB669}" dt="2024-10-06T09:17:21.782" v="1074"/>
          <ac:picMkLst>
            <pc:docMk/>
            <pc:sldMk cId="3571516367" sldId="258"/>
            <ac:picMk id="7" creationId="{B8D6EB26-4476-43BC-A144-3C7F57468743}"/>
          </ac:picMkLst>
        </pc:picChg>
        <pc:picChg chg="add del">
          <ac:chgData name="Joseph Guzman" userId="S::joseph.guzman@student.csulb.edu::17ccc4ac-b72a-4c03-9511-790abe281be7" providerId="AD" clId="Web-{F1515BB9-18FA-E683-6790-E4A7604EB669}" dt="2024-10-06T06:30:14.306" v="257"/>
          <ac:picMkLst>
            <pc:docMk/>
            <pc:sldMk cId="3571516367" sldId="258"/>
            <ac:picMk id="8" creationId="{F394FF7D-4CD5-DF32-6E59-AB7A5B87FAC0}"/>
          </ac:picMkLst>
        </pc:picChg>
        <pc:picChg chg="add del mod modCrop">
          <ac:chgData name="Joseph Guzman" userId="S::joseph.guzman@student.csulb.edu::17ccc4ac-b72a-4c03-9511-790abe281be7" providerId="AD" clId="Web-{F1515BB9-18FA-E683-6790-E4A7604EB669}" dt="2024-10-06T09:22:28.193" v="1122"/>
          <ac:picMkLst>
            <pc:docMk/>
            <pc:sldMk cId="3571516367" sldId="258"/>
            <ac:picMk id="15" creationId="{A19A1B97-48DF-A72D-1748-0CBE7EF3EBCA}"/>
          </ac:picMkLst>
        </pc:picChg>
        <pc:picChg chg="add del mod">
          <ac:chgData name="Joseph Guzman" userId="S::joseph.guzman@student.csulb.edu::17ccc4ac-b72a-4c03-9511-790abe281be7" providerId="AD" clId="Web-{F1515BB9-18FA-E683-6790-E4A7604EB669}" dt="2024-10-06T09:18:47.459" v="1086"/>
          <ac:picMkLst>
            <pc:docMk/>
            <pc:sldMk cId="3571516367" sldId="258"/>
            <ac:picMk id="17" creationId="{196E06C9-9556-D340-60C8-9450D2587B64}"/>
          </ac:picMkLst>
        </pc:picChg>
        <pc:picChg chg="add del mod modCrop">
          <ac:chgData name="Joseph Guzman" userId="S::joseph.guzman@student.csulb.edu::17ccc4ac-b72a-4c03-9511-790abe281be7" providerId="AD" clId="Web-{F1515BB9-18FA-E683-6790-E4A7604EB669}" dt="2024-10-06T09:24:05.871" v="1131"/>
          <ac:picMkLst>
            <pc:docMk/>
            <pc:sldMk cId="3571516367" sldId="258"/>
            <ac:picMk id="18" creationId="{2EE99C4B-7897-C0D2-BCE9-4FE5BFDC782B}"/>
          </ac:picMkLst>
        </pc:picChg>
        <pc:picChg chg="add del mod modCrop">
          <ac:chgData name="Joseph Guzman" userId="S::joseph.guzman@student.csulb.edu::17ccc4ac-b72a-4c03-9511-790abe281be7" providerId="AD" clId="Web-{F1515BB9-18FA-E683-6790-E4A7604EB669}" dt="2024-10-06T09:27:33.588" v="1159"/>
          <ac:picMkLst>
            <pc:docMk/>
            <pc:sldMk cId="3571516367" sldId="258"/>
            <ac:picMk id="19" creationId="{437721D1-3D86-F2E5-7DB9-131CBB330CC9}"/>
          </ac:picMkLst>
        </pc:picChg>
        <pc:picChg chg="add del">
          <ac:chgData name="Joseph Guzman" userId="S::joseph.guzman@student.csulb.edu::17ccc4ac-b72a-4c03-9511-790abe281be7" providerId="AD" clId="Web-{F1515BB9-18FA-E683-6790-E4A7604EB669}" dt="2024-10-06T09:27:32.822" v="1158"/>
          <ac:picMkLst>
            <pc:docMk/>
            <pc:sldMk cId="3571516367" sldId="258"/>
            <ac:picMk id="21" creationId="{6C30672E-2AE8-12A0-089B-E469DF83969C}"/>
          </ac:picMkLst>
        </pc:picChg>
        <pc:picChg chg="add">
          <ac:chgData name="Joseph Guzman" userId="S::joseph.guzman@student.csulb.edu::17ccc4ac-b72a-4c03-9511-790abe281be7" providerId="AD" clId="Web-{F1515BB9-18FA-E683-6790-E4A7604EB669}" dt="2024-10-06T09:27:34.416" v="1160"/>
          <ac:picMkLst>
            <pc:docMk/>
            <pc:sldMk cId="3571516367" sldId="258"/>
            <ac:picMk id="23" creationId="{E8F06AA1-E546-2370-A95E-29946D02AB09}"/>
          </ac:picMkLst>
        </pc:picChg>
      </pc:sldChg>
      <pc:sldChg chg="addSp delSp modSp">
        <pc:chgData name="Joseph Guzman" userId="S::joseph.guzman@student.csulb.edu::17ccc4ac-b72a-4c03-9511-790abe281be7" providerId="AD" clId="Web-{F1515BB9-18FA-E683-6790-E4A7604EB669}" dt="2024-10-06T09:27:54.683" v="1166"/>
        <pc:sldMkLst>
          <pc:docMk/>
          <pc:sldMk cId="1969787568" sldId="271"/>
        </pc:sldMkLst>
        <pc:spChg chg="mod">
          <ac:chgData name="Joseph Guzman" userId="S::joseph.guzman@student.csulb.edu::17ccc4ac-b72a-4c03-9511-790abe281be7" providerId="AD" clId="Web-{F1515BB9-18FA-E683-6790-E4A7604EB669}" dt="2024-10-06T08:12:40.978" v="505" actId="20577"/>
          <ac:spMkLst>
            <pc:docMk/>
            <pc:sldMk cId="1969787568" sldId="271"/>
            <ac:spMk id="2" creationId="{8BDF1EDE-5423-435C-B149-87AB1BC22B83}"/>
          </ac:spMkLst>
        </pc:spChg>
        <pc:spChg chg="add del">
          <ac:chgData name="Joseph Guzman" userId="S::joseph.guzman@student.csulb.edu::17ccc4ac-b72a-4c03-9511-790abe281be7" providerId="AD" clId="Web-{F1515BB9-18FA-E683-6790-E4A7604EB669}" dt="2024-10-06T06:24:57.216" v="203"/>
          <ac:spMkLst>
            <pc:docMk/>
            <pc:sldMk cId="1969787568" sldId="271"/>
            <ac:spMk id="6" creationId="{4C127D99-645F-4FCF-9573-FDFE2A344FA9}"/>
          </ac:spMkLst>
        </pc:spChg>
        <pc:spChg chg="del">
          <ac:chgData name="Joseph Guzman" userId="S::joseph.guzman@student.csulb.edu::17ccc4ac-b72a-4c03-9511-790abe281be7" providerId="AD" clId="Web-{F1515BB9-18FA-E683-6790-E4A7604EB669}" dt="2024-10-06T09:27:54.199" v="1165"/>
          <ac:spMkLst>
            <pc:docMk/>
            <pc:sldMk cId="1969787568" sldId="271"/>
            <ac:spMk id="7" creationId="{1CD71E7B-7A74-2054-B6A3-84043B91880B}"/>
          </ac:spMkLst>
        </pc:spChg>
        <pc:picChg chg="del">
          <ac:chgData name="Joseph Guzman" userId="S::joseph.guzman@student.csulb.edu::17ccc4ac-b72a-4c03-9511-790abe281be7" providerId="AD" clId="Web-{F1515BB9-18FA-E683-6790-E4A7604EB669}" dt="2024-10-06T09:27:54.683" v="1166"/>
          <ac:picMkLst>
            <pc:docMk/>
            <pc:sldMk cId="1969787568" sldId="271"/>
            <ac:picMk id="5" creationId="{37CA4C32-9C12-0205-4B22-6E18A64F986A}"/>
          </ac:picMkLst>
        </pc:picChg>
      </pc:sldChg>
      <pc:sldChg chg="addSp delSp modSp">
        <pc:chgData name="Joseph Guzman" userId="S::joseph.guzman@student.csulb.edu::17ccc4ac-b72a-4c03-9511-790abe281be7" providerId="AD" clId="Web-{F1515BB9-18FA-E683-6790-E4A7604EB669}" dt="2024-10-06T09:09:58.221" v="971"/>
        <pc:sldMkLst>
          <pc:docMk/>
          <pc:sldMk cId="608796113" sldId="278"/>
        </pc:sldMkLst>
        <pc:spChg chg="mod">
          <ac:chgData name="Joseph Guzman" userId="S::joseph.guzman@student.csulb.edu::17ccc4ac-b72a-4c03-9511-790abe281be7" providerId="AD" clId="Web-{F1515BB9-18FA-E683-6790-E4A7604EB669}" dt="2024-10-06T08:11:01.091" v="500" actId="20577"/>
          <ac:spMkLst>
            <pc:docMk/>
            <pc:sldMk cId="608796113" sldId="278"/>
            <ac:spMk id="3" creationId="{D74BC406-1584-A7F7-A390-93AAD90F20F3}"/>
          </ac:spMkLst>
        </pc:spChg>
        <pc:spChg chg="add del mod">
          <ac:chgData name="Joseph Guzman" userId="S::joseph.guzman@student.csulb.edu::17ccc4ac-b72a-4c03-9511-790abe281be7" providerId="AD" clId="Web-{F1515BB9-18FA-E683-6790-E4A7604EB669}" dt="2024-10-06T09:09:58.221" v="971"/>
          <ac:spMkLst>
            <pc:docMk/>
            <pc:sldMk cId="608796113" sldId="278"/>
            <ac:spMk id="16" creationId="{D620396D-4F9B-014E-92FA-19C36C800821}"/>
          </ac:spMkLst>
        </pc:spChg>
        <pc:spChg chg="mod">
          <ac:chgData name="Joseph Guzman" userId="S::joseph.guzman@student.csulb.edu::17ccc4ac-b72a-4c03-9511-790abe281be7" providerId="AD" clId="Web-{F1515BB9-18FA-E683-6790-E4A7604EB669}" dt="2024-10-06T08:11:09.342" v="502" actId="20577"/>
          <ac:spMkLst>
            <pc:docMk/>
            <pc:sldMk cId="608796113" sldId="278"/>
            <ac:spMk id="28" creationId="{C026F914-9B6B-172A-4ACF-47CB043E2FCC}"/>
          </ac:spMkLst>
        </pc:spChg>
        <pc:spChg chg="mod">
          <ac:chgData name="Joseph Guzman" userId="S::joseph.guzman@student.csulb.edu::17ccc4ac-b72a-4c03-9511-790abe281be7" providerId="AD" clId="Web-{F1515BB9-18FA-E683-6790-E4A7604EB669}" dt="2024-10-06T08:11:16.811" v="503" actId="20577"/>
          <ac:spMkLst>
            <pc:docMk/>
            <pc:sldMk cId="608796113" sldId="278"/>
            <ac:spMk id="34" creationId="{5BDBE37D-BA99-FD9F-409B-793C33D1264A}"/>
          </ac:spMkLst>
        </pc:spChg>
      </pc:sldChg>
      <pc:sldChg chg="addSp delSp modSp ord">
        <pc:chgData name="Joseph Guzman" userId="S::joseph.guzman@student.csulb.edu::17ccc4ac-b72a-4c03-9511-790abe281be7" providerId="AD" clId="Web-{F1515BB9-18FA-E683-6790-E4A7604EB669}" dt="2024-10-06T08:10:34.355" v="497" actId="20577"/>
        <pc:sldMkLst>
          <pc:docMk/>
          <pc:sldMk cId="2241459136" sldId="279"/>
        </pc:sldMkLst>
        <pc:spChg chg="add mod">
          <ac:chgData name="Joseph Guzman" userId="S::joseph.guzman@student.csulb.edu::17ccc4ac-b72a-4c03-9511-790abe281be7" providerId="AD" clId="Web-{F1515BB9-18FA-E683-6790-E4A7604EB669}" dt="2024-10-06T06:35:57.737" v="295" actId="20577"/>
          <ac:spMkLst>
            <pc:docMk/>
            <pc:sldMk cId="2241459136" sldId="279"/>
            <ac:spMk id="10" creationId="{5F8C44CE-7FDB-CE97-13E9-D7A3A83C8534}"/>
          </ac:spMkLst>
        </pc:spChg>
        <pc:spChg chg="mod">
          <ac:chgData name="Joseph Guzman" userId="S::joseph.guzman@student.csulb.edu::17ccc4ac-b72a-4c03-9511-790abe281be7" providerId="AD" clId="Web-{F1515BB9-18FA-E683-6790-E4A7604EB669}" dt="2024-10-06T08:08:53.161" v="490" actId="20577"/>
          <ac:spMkLst>
            <pc:docMk/>
            <pc:sldMk cId="2241459136" sldId="279"/>
            <ac:spMk id="17" creationId="{CFC74B6C-7320-55AD-4055-62A44465173B}"/>
          </ac:spMkLst>
        </pc:spChg>
        <pc:spChg chg="mod">
          <ac:chgData name="Joseph Guzman" userId="S::joseph.guzman@student.csulb.edu::17ccc4ac-b72a-4c03-9511-790abe281be7" providerId="AD" clId="Web-{F1515BB9-18FA-E683-6790-E4A7604EB669}" dt="2024-10-06T08:10:34.355" v="497" actId="20577"/>
          <ac:spMkLst>
            <pc:docMk/>
            <pc:sldMk cId="2241459136" sldId="279"/>
            <ac:spMk id="19" creationId="{6BFE5DD5-846D-0BA9-3FDB-115ACAB56339}"/>
          </ac:spMkLst>
        </pc:spChg>
        <pc:picChg chg="add mod modCrop">
          <ac:chgData name="Joseph Guzman" userId="S::joseph.guzman@student.csulb.edu::17ccc4ac-b72a-4c03-9511-790abe281be7" providerId="AD" clId="Web-{F1515BB9-18FA-E683-6790-E4A7604EB669}" dt="2024-10-06T06:33:11.178" v="284" actId="14100"/>
          <ac:picMkLst>
            <pc:docMk/>
            <pc:sldMk cId="2241459136" sldId="279"/>
            <ac:picMk id="3" creationId="{F9DB176B-A746-55B7-E64D-D6DFD6007806}"/>
          </ac:picMkLst>
        </pc:picChg>
        <pc:picChg chg="add del mod">
          <ac:chgData name="Joseph Guzman" userId="S::joseph.guzman@student.csulb.edu::17ccc4ac-b72a-4c03-9511-790abe281be7" providerId="AD" clId="Web-{F1515BB9-18FA-E683-6790-E4A7604EB669}" dt="2024-10-06T06:33:15.709" v="286"/>
          <ac:picMkLst>
            <pc:docMk/>
            <pc:sldMk cId="2241459136" sldId="279"/>
            <ac:picMk id="5" creationId="{0CC21AEA-A31D-97E9-4872-FFC87E542EE7}"/>
          </ac:picMkLst>
        </pc:picChg>
        <pc:picChg chg="add del">
          <ac:chgData name="Joseph Guzman" userId="S::joseph.guzman@student.csulb.edu::17ccc4ac-b72a-4c03-9511-790abe281be7" providerId="AD" clId="Web-{F1515BB9-18FA-E683-6790-E4A7604EB669}" dt="2024-10-06T06:35:40.314" v="293"/>
          <ac:picMkLst>
            <pc:docMk/>
            <pc:sldMk cId="2241459136" sldId="279"/>
            <ac:picMk id="8" creationId="{51ADF057-14BD-7F8B-3975-BFD0949D714F}"/>
          </ac:picMkLst>
        </pc:picChg>
      </pc:sldChg>
      <pc:sldChg chg="addSp delSp modSp mod modClrScheme chgLayout">
        <pc:chgData name="Joseph Guzman" userId="S::joseph.guzman@student.csulb.edu::17ccc4ac-b72a-4c03-9511-790abe281be7" providerId="AD" clId="Web-{F1515BB9-18FA-E683-6790-E4A7604EB669}" dt="2024-10-06T09:41:12.464" v="1690" actId="20577"/>
        <pc:sldMkLst>
          <pc:docMk/>
          <pc:sldMk cId="636929804" sldId="282"/>
        </pc:sldMkLst>
        <pc:spChg chg="del mod ord">
          <ac:chgData name="Joseph Guzman" userId="S::joseph.guzman@student.csulb.edu::17ccc4ac-b72a-4c03-9511-790abe281be7" providerId="AD" clId="Web-{F1515BB9-18FA-E683-6790-E4A7604EB669}" dt="2024-10-06T08:31:43.613" v="509"/>
          <ac:spMkLst>
            <pc:docMk/>
            <pc:sldMk cId="636929804" sldId="282"/>
            <ac:spMk id="2" creationId="{8B27D9B3-B64F-656A-0D99-161A6C0F518F}"/>
          </ac:spMkLst>
        </pc:spChg>
        <pc:spChg chg="add del mod ord">
          <ac:chgData name="Joseph Guzman" userId="S::joseph.guzman@student.csulb.edu::17ccc4ac-b72a-4c03-9511-790abe281be7" providerId="AD" clId="Web-{F1515BB9-18FA-E683-6790-E4A7604EB669}" dt="2024-10-06T07:28:04.184" v="382"/>
          <ac:spMkLst>
            <pc:docMk/>
            <pc:sldMk cId="636929804" sldId="282"/>
            <ac:spMk id="3" creationId="{B9FC1B33-0B4A-8096-2DBE-B3D266F13663}"/>
          </ac:spMkLst>
        </pc:spChg>
        <pc:spChg chg="add">
          <ac:chgData name="Joseph Guzman" userId="S::joseph.guzman@student.csulb.edu::17ccc4ac-b72a-4c03-9511-790abe281be7" providerId="AD" clId="Web-{F1515BB9-18FA-E683-6790-E4A7604EB669}" dt="2024-10-06T06:36:30.223" v="299"/>
          <ac:spMkLst>
            <pc:docMk/>
            <pc:sldMk cId="636929804" sldId="282"/>
            <ac:spMk id="4" creationId="{D512C08E-24D6-509F-C679-F5B1C4A01E52}"/>
          </ac:spMkLst>
        </pc:spChg>
        <pc:spChg chg="add del mod ord">
          <ac:chgData name="Joseph Guzman" userId="S::joseph.guzman@student.csulb.edu::17ccc4ac-b72a-4c03-9511-790abe281be7" providerId="AD" clId="Web-{F1515BB9-18FA-E683-6790-E4A7604EB669}" dt="2024-10-06T07:28:04.184" v="382"/>
          <ac:spMkLst>
            <pc:docMk/>
            <pc:sldMk cId="636929804" sldId="282"/>
            <ac:spMk id="9" creationId="{DA10E196-90D7-2BA3-30A3-014A0654FF84}"/>
          </ac:spMkLst>
        </pc:spChg>
        <pc:spChg chg="del">
          <ac:chgData name="Joseph Guzman" userId="S::joseph.guzman@student.csulb.edu::17ccc4ac-b72a-4c03-9511-790abe281be7" providerId="AD" clId="Web-{F1515BB9-18FA-E683-6790-E4A7604EB669}" dt="2024-10-06T09:21:44.877" v="1116"/>
          <ac:spMkLst>
            <pc:docMk/>
            <pc:sldMk cId="636929804" sldId="282"/>
            <ac:spMk id="10" creationId="{4B50B70D-0D05-A3B2-6D87-6186520A1B93}"/>
          </ac:spMkLst>
        </pc:spChg>
        <pc:spChg chg="add del mod ord">
          <ac:chgData name="Joseph Guzman" userId="S::joseph.guzman@student.csulb.edu::17ccc4ac-b72a-4c03-9511-790abe281be7" providerId="AD" clId="Web-{F1515BB9-18FA-E683-6790-E4A7604EB669}" dt="2024-10-06T07:28:04.184" v="382"/>
          <ac:spMkLst>
            <pc:docMk/>
            <pc:sldMk cId="636929804" sldId="282"/>
            <ac:spMk id="11" creationId="{ECDCE7AD-7CF0-1994-6698-0C73592A993C}"/>
          </ac:spMkLst>
        </pc:spChg>
        <pc:spChg chg="add mod ord">
          <ac:chgData name="Joseph Guzman" userId="S::joseph.guzman@student.csulb.edu::17ccc4ac-b72a-4c03-9511-790abe281be7" providerId="AD" clId="Web-{F1515BB9-18FA-E683-6790-E4A7604EB669}" dt="2024-10-06T07:28:18.623" v="383"/>
          <ac:spMkLst>
            <pc:docMk/>
            <pc:sldMk cId="636929804" sldId="282"/>
            <ac:spMk id="13" creationId="{E9F47687-683A-2252-16E1-AF033F783137}"/>
          </ac:spMkLst>
        </pc:spChg>
        <pc:spChg chg="add mod ord">
          <ac:chgData name="Joseph Guzman" userId="S::joseph.guzman@student.csulb.edu::17ccc4ac-b72a-4c03-9511-790abe281be7" providerId="AD" clId="Web-{F1515BB9-18FA-E683-6790-E4A7604EB669}" dt="2024-10-06T07:28:18.623" v="383"/>
          <ac:spMkLst>
            <pc:docMk/>
            <pc:sldMk cId="636929804" sldId="282"/>
            <ac:spMk id="14" creationId="{1ACCEF8C-0DBD-F103-E662-36CDF6489068}"/>
          </ac:spMkLst>
        </pc:spChg>
        <pc:spChg chg="add mod ord">
          <ac:chgData name="Joseph Guzman" userId="S::joseph.guzman@student.csulb.edu::17ccc4ac-b72a-4c03-9511-790abe281be7" providerId="AD" clId="Web-{F1515BB9-18FA-E683-6790-E4A7604EB669}" dt="2024-10-06T07:28:18.623" v="383"/>
          <ac:spMkLst>
            <pc:docMk/>
            <pc:sldMk cId="636929804" sldId="282"/>
            <ac:spMk id="15" creationId="{9569EEDB-26A7-3135-362B-EC7CE37F323C}"/>
          </ac:spMkLst>
        </pc:spChg>
        <pc:spChg chg="add del">
          <ac:chgData name="Joseph Guzman" userId="S::joseph.guzman@student.csulb.edu::17ccc4ac-b72a-4c03-9511-790abe281be7" providerId="AD" clId="Web-{F1515BB9-18FA-E683-6790-E4A7604EB669}" dt="2024-10-06T06:37:01.523" v="306"/>
          <ac:spMkLst>
            <pc:docMk/>
            <pc:sldMk cId="636929804" sldId="282"/>
            <ac:spMk id="16" creationId="{1746AED0-AB21-2CEF-4075-B172ACB53135}"/>
          </ac:spMkLst>
        </pc:spChg>
        <pc:spChg chg="add mod">
          <ac:chgData name="Joseph Guzman" userId="S::joseph.guzman@student.csulb.edu::17ccc4ac-b72a-4c03-9511-790abe281be7" providerId="AD" clId="Web-{F1515BB9-18FA-E683-6790-E4A7604EB669}" dt="2024-10-06T06:37:09.304" v="308" actId="1076"/>
          <ac:spMkLst>
            <pc:docMk/>
            <pc:sldMk cId="636929804" sldId="282"/>
            <ac:spMk id="18" creationId="{E2D1311F-F724-8963-6CC6-007F4038D51F}"/>
          </ac:spMkLst>
        </pc:spChg>
        <pc:spChg chg="add del mod">
          <ac:chgData name="Joseph Guzman" userId="S::joseph.guzman@student.csulb.edu::17ccc4ac-b72a-4c03-9511-790abe281be7" providerId="AD" clId="Web-{F1515BB9-18FA-E683-6790-E4A7604EB669}" dt="2024-10-06T08:31:48.535" v="510"/>
          <ac:spMkLst>
            <pc:docMk/>
            <pc:sldMk cId="636929804" sldId="282"/>
            <ac:spMk id="19" creationId="{8C01A504-1698-52FE-B848-CB6B58CBC369}"/>
          </ac:spMkLst>
        </pc:spChg>
        <pc:spChg chg="add del mod">
          <ac:chgData name="Joseph Guzman" userId="S::joseph.guzman@student.csulb.edu::17ccc4ac-b72a-4c03-9511-790abe281be7" providerId="AD" clId="Web-{F1515BB9-18FA-E683-6790-E4A7604EB669}" dt="2024-10-06T06:45:52.329" v="319"/>
          <ac:spMkLst>
            <pc:docMk/>
            <pc:sldMk cId="636929804" sldId="282"/>
            <ac:spMk id="20" creationId="{0915C7BD-0C44-090B-6E58-6963FB8E9078}"/>
          </ac:spMkLst>
        </pc:spChg>
        <pc:spChg chg="add mod">
          <ac:chgData name="Joseph Guzman" userId="S::joseph.guzman@student.csulb.edu::17ccc4ac-b72a-4c03-9511-790abe281be7" providerId="AD" clId="Web-{F1515BB9-18FA-E683-6790-E4A7604EB669}" dt="2024-10-06T09:41:12.464" v="1690" actId="20577"/>
          <ac:spMkLst>
            <pc:docMk/>
            <pc:sldMk cId="636929804" sldId="282"/>
            <ac:spMk id="22" creationId="{88BF0B91-3772-3A17-7FA5-D8F243A4FCF6}"/>
          </ac:spMkLst>
        </pc:spChg>
        <pc:spChg chg="add del mod">
          <ac:chgData name="Joseph Guzman" userId="S::joseph.guzman@student.csulb.edu::17ccc4ac-b72a-4c03-9511-790abe281be7" providerId="AD" clId="Web-{F1515BB9-18FA-E683-6790-E4A7604EB669}" dt="2024-10-06T06:53:18.923" v="378"/>
          <ac:spMkLst>
            <pc:docMk/>
            <pc:sldMk cId="636929804" sldId="282"/>
            <ac:spMk id="22" creationId="{ADB35F25-3C81-C2F7-3DF0-6848ABAC4FDB}"/>
          </ac:spMkLst>
        </pc:spChg>
        <pc:spChg chg="add del mod">
          <ac:chgData name="Joseph Guzman" userId="S::joseph.guzman@student.csulb.edu::17ccc4ac-b72a-4c03-9511-790abe281be7" providerId="AD" clId="Web-{F1515BB9-18FA-E683-6790-E4A7604EB669}" dt="2024-10-06T06:53:20.611" v="379"/>
          <ac:spMkLst>
            <pc:docMk/>
            <pc:sldMk cId="636929804" sldId="282"/>
            <ac:spMk id="23" creationId="{0703981D-B6B7-9F5D-DA8B-CDA6CE507507}"/>
          </ac:spMkLst>
        </pc:spChg>
        <pc:spChg chg="add del mod">
          <ac:chgData name="Joseph Guzman" userId="S::joseph.guzman@student.csulb.edu::17ccc4ac-b72a-4c03-9511-790abe281be7" providerId="AD" clId="Web-{F1515BB9-18FA-E683-6790-E4A7604EB669}" dt="2024-10-06T08:40:17.340" v="628"/>
          <ac:spMkLst>
            <pc:docMk/>
            <pc:sldMk cId="636929804" sldId="282"/>
            <ac:spMk id="27" creationId="{375C5696-F409-0F40-079C-2E624CD969B0}"/>
          </ac:spMkLst>
        </pc:spChg>
        <pc:spChg chg="add mod">
          <ac:chgData name="Joseph Guzman" userId="S::joseph.guzman@student.csulb.edu::17ccc4ac-b72a-4c03-9511-790abe281be7" providerId="AD" clId="Web-{F1515BB9-18FA-E683-6790-E4A7604EB669}" dt="2024-10-06T08:43:33.291" v="719" actId="14100"/>
          <ac:spMkLst>
            <pc:docMk/>
            <pc:sldMk cId="636929804" sldId="282"/>
            <ac:spMk id="28" creationId="{FA5E9604-C169-60F7-D137-877848D4211C}"/>
          </ac:spMkLst>
        </pc:spChg>
        <pc:spChg chg="add mod">
          <ac:chgData name="Joseph Guzman" userId="S::joseph.guzman@student.csulb.edu::17ccc4ac-b72a-4c03-9511-790abe281be7" providerId="AD" clId="Web-{F1515BB9-18FA-E683-6790-E4A7604EB669}" dt="2024-10-06T08:43:52.652" v="725" actId="1076"/>
          <ac:spMkLst>
            <pc:docMk/>
            <pc:sldMk cId="636929804" sldId="282"/>
            <ac:spMk id="29" creationId="{D2FAEE11-E882-FDB0-9643-B7CB2C963268}"/>
          </ac:spMkLst>
        </pc:spChg>
        <pc:spChg chg="add mod">
          <ac:chgData name="Joseph Guzman" userId="S::joseph.guzman@student.csulb.edu::17ccc4ac-b72a-4c03-9511-790abe281be7" providerId="AD" clId="Web-{F1515BB9-18FA-E683-6790-E4A7604EB669}" dt="2024-10-06T09:03:56.770" v="930" actId="1076"/>
          <ac:spMkLst>
            <pc:docMk/>
            <pc:sldMk cId="636929804" sldId="282"/>
            <ac:spMk id="30" creationId="{55257543-13BB-47FE-6805-4952A49BF8C4}"/>
          </ac:spMkLst>
        </pc:spChg>
        <pc:spChg chg="add mod">
          <ac:chgData name="Joseph Guzman" userId="S::joseph.guzman@student.csulb.edu::17ccc4ac-b72a-4c03-9511-790abe281be7" providerId="AD" clId="Web-{F1515BB9-18FA-E683-6790-E4A7604EB669}" dt="2024-10-06T09:04:19.771" v="939" actId="1076"/>
          <ac:spMkLst>
            <pc:docMk/>
            <pc:sldMk cId="636929804" sldId="282"/>
            <ac:spMk id="31" creationId="{0237C684-C63F-C33E-AE51-545F95FE84DC}"/>
          </ac:spMkLst>
        </pc:spChg>
        <pc:spChg chg="add del">
          <ac:chgData name="Joseph Guzman" userId="S::joseph.guzman@student.csulb.edu::17ccc4ac-b72a-4c03-9511-790abe281be7" providerId="AD" clId="Web-{F1515BB9-18FA-E683-6790-E4A7604EB669}" dt="2024-10-06T08:45:53.051" v="734"/>
          <ac:spMkLst>
            <pc:docMk/>
            <pc:sldMk cId="636929804" sldId="282"/>
            <ac:spMk id="32" creationId="{DEE409E0-52A0-AA0C-F574-468DEA0B7FE8}"/>
          </ac:spMkLst>
        </pc:spChg>
        <pc:spChg chg="add mod">
          <ac:chgData name="Joseph Guzman" userId="S::joseph.guzman@student.csulb.edu::17ccc4ac-b72a-4c03-9511-790abe281be7" providerId="AD" clId="Web-{F1515BB9-18FA-E683-6790-E4A7604EB669}" dt="2024-10-06T08:47:39.573" v="750"/>
          <ac:spMkLst>
            <pc:docMk/>
            <pc:sldMk cId="636929804" sldId="282"/>
            <ac:spMk id="33" creationId="{0670F5BD-90C4-B805-416D-24CE622B6566}"/>
          </ac:spMkLst>
        </pc:spChg>
        <pc:spChg chg="add mod">
          <ac:chgData name="Joseph Guzman" userId="S::joseph.guzman@student.csulb.edu::17ccc4ac-b72a-4c03-9511-790abe281be7" providerId="AD" clId="Web-{F1515BB9-18FA-E683-6790-E4A7604EB669}" dt="2024-10-06T08:48:16.576" v="763" actId="20577"/>
          <ac:spMkLst>
            <pc:docMk/>
            <pc:sldMk cId="636929804" sldId="282"/>
            <ac:spMk id="34" creationId="{B9B68A15-06D1-B828-E693-BC9AE6EBDF01}"/>
          </ac:spMkLst>
        </pc:spChg>
        <pc:spChg chg="add del">
          <ac:chgData name="Joseph Guzman" userId="S::joseph.guzman@student.csulb.edu::17ccc4ac-b72a-4c03-9511-790abe281be7" providerId="AD" clId="Web-{F1515BB9-18FA-E683-6790-E4A7604EB669}" dt="2024-10-06T08:48:28.608" v="765"/>
          <ac:spMkLst>
            <pc:docMk/>
            <pc:sldMk cId="636929804" sldId="282"/>
            <ac:spMk id="35" creationId="{ABA53BF1-5E34-5505-8D0C-5FED751E4A9E}"/>
          </ac:spMkLst>
        </pc:spChg>
        <pc:spChg chg="add del">
          <ac:chgData name="Joseph Guzman" userId="S::joseph.guzman@student.csulb.edu::17ccc4ac-b72a-4c03-9511-790abe281be7" providerId="AD" clId="Web-{F1515BB9-18FA-E683-6790-E4A7604EB669}" dt="2024-10-06T08:48:50.203" v="767"/>
          <ac:spMkLst>
            <pc:docMk/>
            <pc:sldMk cId="636929804" sldId="282"/>
            <ac:spMk id="36" creationId="{FDAB2241-C043-9E48-653F-58AD00EC19A4}"/>
          </ac:spMkLst>
        </pc:spChg>
        <pc:spChg chg="add del">
          <ac:chgData name="Joseph Guzman" userId="S::joseph.guzman@student.csulb.edu::17ccc4ac-b72a-4c03-9511-790abe281be7" providerId="AD" clId="Web-{F1515BB9-18FA-E683-6790-E4A7604EB669}" dt="2024-10-06T08:49:13.314" v="769"/>
          <ac:spMkLst>
            <pc:docMk/>
            <pc:sldMk cId="636929804" sldId="282"/>
            <ac:spMk id="37" creationId="{7CA12835-A4BE-4B84-837D-6CA3B7A25FF7}"/>
          </ac:spMkLst>
        </pc:spChg>
        <pc:spChg chg="add mod">
          <ac:chgData name="Joseph Guzman" userId="S::joseph.guzman@student.csulb.edu::17ccc4ac-b72a-4c03-9511-790abe281be7" providerId="AD" clId="Web-{F1515BB9-18FA-E683-6790-E4A7604EB669}" dt="2024-10-06T09:00:01.252" v="880" actId="14100"/>
          <ac:spMkLst>
            <pc:docMk/>
            <pc:sldMk cId="636929804" sldId="282"/>
            <ac:spMk id="38" creationId="{D98F5D7A-087A-1010-8481-1E56AF158067}"/>
          </ac:spMkLst>
        </pc:spChg>
        <pc:spChg chg="add mod">
          <ac:chgData name="Joseph Guzman" userId="S::joseph.guzman@student.csulb.edu::17ccc4ac-b72a-4c03-9511-790abe281be7" providerId="AD" clId="Web-{F1515BB9-18FA-E683-6790-E4A7604EB669}" dt="2024-10-06T09:00:03.533" v="881" actId="14100"/>
          <ac:spMkLst>
            <pc:docMk/>
            <pc:sldMk cId="636929804" sldId="282"/>
            <ac:spMk id="40" creationId="{1F97B21D-1629-0328-1960-C3D6474713BC}"/>
          </ac:spMkLst>
        </pc:spChg>
        <pc:spChg chg="add mod">
          <ac:chgData name="Joseph Guzman" userId="S::joseph.guzman@student.csulb.edu::17ccc4ac-b72a-4c03-9511-790abe281be7" providerId="AD" clId="Web-{F1515BB9-18FA-E683-6790-E4A7604EB669}" dt="2024-10-06T08:59:57.783" v="879" actId="14100"/>
          <ac:spMkLst>
            <pc:docMk/>
            <pc:sldMk cId="636929804" sldId="282"/>
            <ac:spMk id="41" creationId="{38500619-1264-8274-0D13-AA448DE9AF76}"/>
          </ac:spMkLst>
        </pc:spChg>
        <pc:spChg chg="add mod">
          <ac:chgData name="Joseph Guzman" userId="S::joseph.guzman@student.csulb.edu::17ccc4ac-b72a-4c03-9511-790abe281be7" providerId="AD" clId="Web-{F1515BB9-18FA-E683-6790-E4A7604EB669}" dt="2024-10-06T08:59:28.734" v="874" actId="14100"/>
          <ac:spMkLst>
            <pc:docMk/>
            <pc:sldMk cId="636929804" sldId="282"/>
            <ac:spMk id="45" creationId="{24E103C1-3A56-78A9-FA12-094524DA4E77}"/>
          </ac:spMkLst>
        </pc:spChg>
        <pc:spChg chg="add mod">
          <ac:chgData name="Joseph Guzman" userId="S::joseph.guzman@student.csulb.edu::17ccc4ac-b72a-4c03-9511-790abe281be7" providerId="AD" clId="Web-{F1515BB9-18FA-E683-6790-E4A7604EB669}" dt="2024-10-06T08:58:41.466" v="870"/>
          <ac:spMkLst>
            <pc:docMk/>
            <pc:sldMk cId="636929804" sldId="282"/>
            <ac:spMk id="46" creationId="{232E3B0C-ABF6-3E0B-0D0A-0DF7DA4754EB}"/>
          </ac:spMkLst>
        </pc:spChg>
        <pc:spChg chg="add mod">
          <ac:chgData name="Joseph Guzman" userId="S::joseph.guzman@student.csulb.edu::17ccc4ac-b72a-4c03-9511-790abe281be7" providerId="AD" clId="Web-{F1515BB9-18FA-E683-6790-E4A7604EB669}" dt="2024-10-06T09:02:24.840" v="919" actId="20577"/>
          <ac:spMkLst>
            <pc:docMk/>
            <pc:sldMk cId="636929804" sldId="282"/>
            <ac:spMk id="47" creationId="{BEB5D8A8-F417-8F1E-0025-D2B05DF74117}"/>
          </ac:spMkLst>
        </pc:spChg>
        <pc:spChg chg="add del mod">
          <ac:chgData name="Joseph Guzman" userId="S::joseph.guzman@student.csulb.edu::17ccc4ac-b72a-4c03-9511-790abe281be7" providerId="AD" clId="Web-{F1515BB9-18FA-E683-6790-E4A7604EB669}" dt="2024-10-06T09:01:25.039" v="900"/>
          <ac:spMkLst>
            <pc:docMk/>
            <pc:sldMk cId="636929804" sldId="282"/>
            <ac:spMk id="48" creationId="{BF8CCD76-4798-1D8A-0E4A-F10A35AD34BC}"/>
          </ac:spMkLst>
        </pc:spChg>
        <pc:spChg chg="add mod">
          <ac:chgData name="Joseph Guzman" userId="S::joseph.guzman@student.csulb.edu::17ccc4ac-b72a-4c03-9511-790abe281be7" providerId="AD" clId="Web-{F1515BB9-18FA-E683-6790-E4A7604EB669}" dt="2024-10-06T09:05:32.573" v="943" actId="1076"/>
          <ac:spMkLst>
            <pc:docMk/>
            <pc:sldMk cId="636929804" sldId="282"/>
            <ac:spMk id="49" creationId="{5D1E5836-1F9B-6167-BEF8-01CD49D6D02A}"/>
          </ac:spMkLst>
        </pc:spChg>
        <pc:spChg chg="add del">
          <ac:chgData name="Joseph Guzman" userId="S::joseph.guzman@student.csulb.edu::17ccc4ac-b72a-4c03-9511-790abe281be7" providerId="AD" clId="Web-{F1515BB9-18FA-E683-6790-E4A7604EB669}" dt="2024-10-06T09:21:42.221" v="1115"/>
          <ac:spMkLst>
            <pc:docMk/>
            <pc:sldMk cId="636929804" sldId="282"/>
            <ac:spMk id="51" creationId="{7D4E7090-D3B8-7DDC-967B-BBECDEA13D1A}"/>
          </ac:spMkLst>
        </pc:spChg>
        <pc:spChg chg="add">
          <ac:chgData name="Joseph Guzman" userId="S::joseph.guzman@student.csulb.edu::17ccc4ac-b72a-4c03-9511-790abe281be7" providerId="AD" clId="Web-{F1515BB9-18FA-E683-6790-E4A7604EB669}" dt="2024-10-06T09:21:45.190" v="1117"/>
          <ac:spMkLst>
            <pc:docMk/>
            <pc:sldMk cId="636929804" sldId="282"/>
            <ac:spMk id="53" creationId="{4BF46A6B-FC83-7C31-3D6D-D9E152047FCB}"/>
          </ac:spMkLst>
        </pc:spChg>
        <pc:spChg chg="del">
          <ac:chgData name="Joseph Guzman" userId="S::joseph.guzman@student.csulb.edu::17ccc4ac-b72a-4c03-9511-790abe281be7" providerId="AD" clId="Web-{F1515BB9-18FA-E683-6790-E4A7604EB669}" dt="2024-10-06T06:36:28.379" v="298"/>
          <ac:spMkLst>
            <pc:docMk/>
            <pc:sldMk cId="636929804" sldId="282"/>
            <ac:spMk id="68" creationId="{AA0ACADD-CC4E-851C-DA07-C22DB97FA23E}"/>
          </ac:spMkLst>
        </pc:spChg>
        <pc:picChg chg="del">
          <ac:chgData name="Joseph Guzman" userId="S::joseph.guzman@student.csulb.edu::17ccc4ac-b72a-4c03-9511-790abe281be7" providerId="AD" clId="Web-{F1515BB9-18FA-E683-6790-E4A7604EB669}" dt="2024-10-06T09:21:52.972" v="1118"/>
          <ac:picMkLst>
            <pc:docMk/>
            <pc:sldMk cId="636929804" sldId="282"/>
            <ac:picMk id="5" creationId="{EACAF575-944A-AE03-CAAB-BE7AE8457F39}"/>
          </ac:picMkLst>
        </pc:picChg>
        <pc:picChg chg="add del">
          <ac:chgData name="Joseph Guzman" userId="S::joseph.guzman@student.csulb.edu::17ccc4ac-b72a-4c03-9511-790abe281be7" providerId="AD" clId="Web-{F1515BB9-18FA-E683-6790-E4A7604EB669}" dt="2024-10-06T06:36:40.224" v="301"/>
          <ac:picMkLst>
            <pc:docMk/>
            <pc:sldMk cId="636929804" sldId="282"/>
            <ac:picMk id="9" creationId="{DBEC9DC7-B2C3-96EB-9E2B-0D5DED758C23}"/>
          </ac:picMkLst>
        </pc:picChg>
        <pc:picChg chg="del">
          <ac:chgData name="Joseph Guzman" userId="S::joseph.guzman@student.csulb.edu::17ccc4ac-b72a-4c03-9511-790abe281be7" providerId="AD" clId="Web-{F1515BB9-18FA-E683-6790-E4A7604EB669}" dt="2024-10-06T06:45:36.061" v="318"/>
          <ac:picMkLst>
            <pc:docMk/>
            <pc:sldMk cId="636929804" sldId="282"/>
            <ac:picMk id="11" creationId="{5A89C84F-A66A-8DDB-991B-DBA4D2BF6889}"/>
          </ac:picMkLst>
        </pc:picChg>
        <pc:picChg chg="add">
          <ac:chgData name="Joseph Guzman" userId="S::joseph.guzman@student.csulb.edu::17ccc4ac-b72a-4c03-9511-790abe281be7" providerId="AD" clId="Web-{F1515BB9-18FA-E683-6790-E4A7604EB669}" dt="2024-10-06T06:36:43.599" v="302"/>
          <ac:picMkLst>
            <pc:docMk/>
            <pc:sldMk cId="636929804" sldId="282"/>
            <ac:picMk id="12" creationId="{38A433E5-CC15-A4DA-FE49-3223E165DCB6}"/>
          </ac:picMkLst>
        </pc:picChg>
        <pc:picChg chg="add del">
          <ac:chgData name="Joseph Guzman" userId="S::joseph.guzman@student.csulb.edu::17ccc4ac-b72a-4c03-9511-790abe281be7" providerId="AD" clId="Web-{F1515BB9-18FA-E683-6790-E4A7604EB669}" dt="2024-10-06T06:36:52.350" v="304"/>
          <ac:picMkLst>
            <pc:docMk/>
            <pc:sldMk cId="636929804" sldId="282"/>
            <ac:picMk id="14" creationId="{2914DE11-E8B3-CCA2-D230-6B8A303EBDB4}"/>
          </ac:picMkLst>
        </pc:picChg>
        <pc:picChg chg="add del mod">
          <ac:chgData name="Joseph Guzman" userId="S::joseph.guzman@student.csulb.edu::17ccc4ac-b72a-4c03-9511-790abe281be7" providerId="AD" clId="Web-{F1515BB9-18FA-E683-6790-E4A7604EB669}" dt="2024-10-06T08:31:26.252" v="507"/>
          <ac:picMkLst>
            <pc:docMk/>
            <pc:sldMk cId="636929804" sldId="282"/>
            <ac:picMk id="16" creationId="{C7789C87-4FCF-4DF7-D21E-E1B87D92C243}"/>
          </ac:picMkLst>
        </pc:picChg>
        <pc:picChg chg="add mod ord modCrop">
          <ac:chgData name="Joseph Guzman" userId="S::joseph.guzman@student.csulb.edu::17ccc4ac-b72a-4c03-9511-790abe281be7" providerId="AD" clId="Web-{F1515BB9-18FA-E683-6790-E4A7604EB669}" dt="2024-10-06T08:47:28.416" v="746"/>
          <ac:picMkLst>
            <pc:docMk/>
            <pc:sldMk cId="636929804" sldId="282"/>
            <ac:picMk id="21" creationId="{AF969822-7844-15E6-A41C-6F3FFC0C555F}"/>
          </ac:picMkLst>
        </pc:picChg>
        <pc:picChg chg="add del mod modCrop">
          <ac:chgData name="Joseph Guzman" userId="S::joseph.guzman@student.csulb.edu::17ccc4ac-b72a-4c03-9511-790abe281be7" providerId="AD" clId="Web-{F1515BB9-18FA-E683-6790-E4A7604EB669}" dt="2024-10-06T08:34:14.983" v="527"/>
          <ac:picMkLst>
            <pc:docMk/>
            <pc:sldMk cId="636929804" sldId="282"/>
            <ac:picMk id="23" creationId="{650C5DFC-6E32-D49A-F83A-B9762990992D}"/>
          </ac:picMkLst>
        </pc:picChg>
        <pc:picChg chg="add mod modCrop">
          <ac:chgData name="Joseph Guzman" userId="S::joseph.guzman@student.csulb.edu::17ccc4ac-b72a-4c03-9511-790abe281be7" providerId="AD" clId="Web-{F1515BB9-18FA-E683-6790-E4A7604EB669}" dt="2024-10-06T09:03:58.410" v="931" actId="1076"/>
          <ac:picMkLst>
            <pc:docMk/>
            <pc:sldMk cId="636929804" sldId="282"/>
            <ac:picMk id="24" creationId="{8D85E70A-415F-FD9C-637A-EDFC515163D5}"/>
          </ac:picMkLst>
        </pc:picChg>
        <pc:picChg chg="add mod">
          <ac:chgData name="Joseph Guzman" userId="S::joseph.guzman@student.csulb.edu::17ccc4ac-b72a-4c03-9511-790abe281be7" providerId="AD" clId="Web-{F1515BB9-18FA-E683-6790-E4A7604EB669}" dt="2024-10-06T08:47:57.246" v="755" actId="1076"/>
          <ac:picMkLst>
            <pc:docMk/>
            <pc:sldMk cId="636929804" sldId="282"/>
            <ac:picMk id="25" creationId="{5C19F9AC-54D4-64CF-F11C-0C89BE182FFB}"/>
          </ac:picMkLst>
        </pc:picChg>
        <pc:picChg chg="add mod modCrop">
          <ac:chgData name="Joseph Guzman" userId="S::joseph.guzman@student.csulb.edu::17ccc4ac-b72a-4c03-9511-790abe281be7" providerId="AD" clId="Web-{F1515BB9-18FA-E683-6790-E4A7604EB669}" dt="2024-10-06T09:04:16.599" v="938" actId="1076"/>
          <ac:picMkLst>
            <pc:docMk/>
            <pc:sldMk cId="636929804" sldId="282"/>
            <ac:picMk id="26" creationId="{F370E4B4-F5F1-2968-CBF7-975E86DB5E1A}"/>
          </ac:picMkLst>
        </pc:picChg>
        <pc:picChg chg="add ord">
          <ac:chgData name="Joseph Guzman" userId="S::joseph.guzman@student.csulb.edu::17ccc4ac-b72a-4c03-9511-790abe281be7" providerId="AD" clId="Web-{F1515BB9-18FA-E683-6790-E4A7604EB669}" dt="2024-10-06T09:21:57.347" v="1120"/>
          <ac:picMkLst>
            <pc:docMk/>
            <pc:sldMk cId="636929804" sldId="282"/>
            <ac:picMk id="55" creationId="{173859BD-1F19-9B62-18EA-8EE275C05506}"/>
          </ac:picMkLst>
        </pc:picChg>
        <pc:cxnChg chg="add del mod">
          <ac:chgData name="Joseph Guzman" userId="S::joseph.guzman@student.csulb.edu::17ccc4ac-b72a-4c03-9511-790abe281be7" providerId="AD" clId="Web-{F1515BB9-18FA-E683-6790-E4A7604EB669}" dt="2024-10-06T08:51:13.494" v="794"/>
          <ac:cxnSpMkLst>
            <pc:docMk/>
            <pc:sldMk cId="636929804" sldId="282"/>
            <ac:cxnSpMk id="39" creationId="{425DBB1D-8036-C7F0-7DC0-6D167117A976}"/>
          </ac:cxnSpMkLst>
        </pc:cxnChg>
        <pc:cxnChg chg="add del mod">
          <ac:chgData name="Joseph Guzman" userId="S::joseph.guzman@student.csulb.edu::17ccc4ac-b72a-4c03-9511-790abe281be7" providerId="AD" clId="Web-{F1515BB9-18FA-E683-6790-E4A7604EB669}" dt="2024-10-06T08:54:49.555" v="836"/>
          <ac:cxnSpMkLst>
            <pc:docMk/>
            <pc:sldMk cId="636929804" sldId="282"/>
            <ac:cxnSpMk id="42" creationId="{C3AF247B-DDB7-FE81-EFB1-CAE52AC85E95}"/>
          </ac:cxnSpMkLst>
        </pc:cxnChg>
        <pc:cxnChg chg="add del mod">
          <ac:chgData name="Joseph Guzman" userId="S::joseph.guzman@student.csulb.edu::17ccc4ac-b72a-4c03-9511-790abe281be7" providerId="AD" clId="Web-{F1515BB9-18FA-E683-6790-E4A7604EB669}" dt="2024-10-06T08:54:48.945" v="835"/>
          <ac:cxnSpMkLst>
            <pc:docMk/>
            <pc:sldMk cId="636929804" sldId="282"/>
            <ac:cxnSpMk id="43" creationId="{338FEA66-1897-5AD2-3565-D215EB1C8394}"/>
          </ac:cxnSpMkLst>
        </pc:cxnChg>
        <pc:cxnChg chg="add del mod">
          <ac:chgData name="Joseph Guzman" userId="S::joseph.guzman@student.csulb.edu::17ccc4ac-b72a-4c03-9511-790abe281be7" providerId="AD" clId="Web-{F1515BB9-18FA-E683-6790-E4A7604EB669}" dt="2024-10-06T08:54:48.164" v="834"/>
          <ac:cxnSpMkLst>
            <pc:docMk/>
            <pc:sldMk cId="636929804" sldId="282"/>
            <ac:cxnSpMk id="44" creationId="{62A36AD4-435A-B773-DD1C-9FA94C6363EA}"/>
          </ac:cxnSpMkLst>
        </pc:cxnChg>
      </pc:sldChg>
      <pc:sldChg chg="addSp delSp modSp">
        <pc:chgData name="Joseph Guzman" userId="S::joseph.guzman@student.csulb.edu::17ccc4ac-b72a-4c03-9511-790abe281be7" providerId="AD" clId="Web-{F1515BB9-18FA-E683-6790-E4A7604EB669}" dt="2024-10-06T09:43:16.176" v="1703" actId="1076"/>
        <pc:sldMkLst>
          <pc:docMk/>
          <pc:sldMk cId="1658164610" sldId="283"/>
        </pc:sldMkLst>
        <pc:spChg chg="del">
          <ac:chgData name="Joseph Guzman" userId="S::joseph.guzman@student.csulb.edu::17ccc4ac-b72a-4c03-9511-790abe281be7" providerId="AD" clId="Web-{F1515BB9-18FA-E683-6790-E4A7604EB669}" dt="2024-10-06T06:24:25.963" v="193"/>
          <ac:spMkLst>
            <pc:docMk/>
            <pc:sldMk cId="1658164610" sldId="283"/>
            <ac:spMk id="5" creationId="{E74B0ADB-527F-A58C-9372-D8502ED6F918}"/>
          </ac:spMkLst>
        </pc:spChg>
        <pc:spChg chg="del mod">
          <ac:chgData name="Joseph Guzman" userId="S::joseph.guzman@student.csulb.edu::17ccc4ac-b72a-4c03-9511-790abe281be7" providerId="AD" clId="Web-{F1515BB9-18FA-E683-6790-E4A7604EB669}" dt="2024-10-06T05:57:17.117" v="4"/>
          <ac:spMkLst>
            <pc:docMk/>
            <pc:sldMk cId="1658164610" sldId="283"/>
            <ac:spMk id="6" creationId="{B587B122-1579-FDB8-443B-F05E622163C3}"/>
          </ac:spMkLst>
        </pc:spChg>
        <pc:spChg chg="add mod">
          <ac:chgData name="Joseph Guzman" userId="S::joseph.guzman@student.csulb.edu::17ccc4ac-b72a-4c03-9511-790abe281be7" providerId="AD" clId="Web-{F1515BB9-18FA-E683-6790-E4A7604EB669}" dt="2024-10-06T09:41:09.557" v="1689" actId="14100"/>
          <ac:spMkLst>
            <pc:docMk/>
            <pc:sldMk cId="1658164610" sldId="283"/>
            <ac:spMk id="7" creationId="{42FD8667-2294-E177-44C9-CFBA75F1ADD2}"/>
          </ac:spMkLst>
        </pc:spChg>
        <pc:spChg chg="del">
          <ac:chgData name="Joseph Guzman" userId="S::joseph.guzman@student.csulb.edu::17ccc4ac-b72a-4c03-9511-790abe281be7" providerId="AD" clId="Web-{F1515BB9-18FA-E683-6790-E4A7604EB669}" dt="2024-10-06T09:21:32.830" v="1112"/>
          <ac:spMkLst>
            <pc:docMk/>
            <pc:sldMk cId="1658164610" sldId="283"/>
            <ac:spMk id="12" creationId="{AEA155E0-DF4B-2280-AF7E-EB28BD3851E6}"/>
          </ac:spMkLst>
        </pc:spChg>
        <pc:spChg chg="del mod">
          <ac:chgData name="Joseph Guzman" userId="S::joseph.guzman@student.csulb.edu::17ccc4ac-b72a-4c03-9511-790abe281be7" providerId="AD" clId="Web-{F1515BB9-18FA-E683-6790-E4A7604EB669}" dt="2024-10-06T09:10:07.910" v="973"/>
          <ac:spMkLst>
            <pc:docMk/>
            <pc:sldMk cId="1658164610" sldId="283"/>
            <ac:spMk id="18" creationId="{6A5E14B1-A888-EBB1-4D12-1519B4E07066}"/>
          </ac:spMkLst>
        </pc:spChg>
        <pc:spChg chg="mod">
          <ac:chgData name="Joseph Guzman" userId="S::joseph.guzman@student.csulb.edu::17ccc4ac-b72a-4c03-9511-790abe281be7" providerId="AD" clId="Web-{F1515BB9-18FA-E683-6790-E4A7604EB669}" dt="2024-10-06T09:43:16.176" v="1703" actId="1076"/>
          <ac:spMkLst>
            <pc:docMk/>
            <pc:sldMk cId="1658164610" sldId="283"/>
            <ac:spMk id="19" creationId="{EE27112D-BE1F-79D2-383F-6D99B8AA9AD5}"/>
          </ac:spMkLst>
        </pc:spChg>
        <pc:spChg chg="add">
          <ac:chgData name="Joseph Guzman" userId="S::joseph.guzman@student.csulb.edu::17ccc4ac-b72a-4c03-9511-790abe281be7" providerId="AD" clId="Web-{F1515BB9-18FA-E683-6790-E4A7604EB669}" dt="2024-10-06T09:21:34.564" v="1113"/>
          <ac:spMkLst>
            <pc:docMk/>
            <pc:sldMk cId="1658164610" sldId="283"/>
            <ac:spMk id="20" creationId="{8D9C8660-CEF0-0425-4537-1AE4D7B9F910}"/>
          </ac:spMkLst>
        </pc:spChg>
        <pc:spChg chg="add mod">
          <ac:chgData name="Joseph Guzman" userId="S::joseph.guzman@student.csulb.edu::17ccc4ac-b72a-4c03-9511-790abe281be7" providerId="AD" clId="Web-{F1515BB9-18FA-E683-6790-E4A7604EB669}" dt="2024-10-06T05:57:22.399" v="8" actId="20577"/>
          <ac:spMkLst>
            <pc:docMk/>
            <pc:sldMk cId="1658164610" sldId="283"/>
            <ac:spMk id="32" creationId="{B4C73033-1B30-D909-C8B4-A9049229C6CA}"/>
          </ac:spMkLst>
        </pc:spChg>
        <pc:spChg chg="add mod">
          <ac:chgData name="Joseph Guzman" userId="S::joseph.guzman@student.csulb.edu::17ccc4ac-b72a-4c03-9511-790abe281be7" providerId="AD" clId="Web-{F1515BB9-18FA-E683-6790-E4A7604EB669}" dt="2024-10-06T06:37:46.588" v="313" actId="20577"/>
          <ac:spMkLst>
            <pc:docMk/>
            <pc:sldMk cId="1658164610" sldId="283"/>
            <ac:spMk id="36" creationId="{C0330DE9-AFFD-1835-5342-3BE6C1ECE47F}"/>
          </ac:spMkLst>
        </pc:spChg>
        <pc:graphicFrameChg chg="del">
          <ac:chgData name="Joseph Guzman" userId="S::joseph.guzman@student.csulb.edu::17ccc4ac-b72a-4c03-9511-790abe281be7" providerId="AD" clId="Web-{F1515BB9-18FA-E683-6790-E4A7604EB669}" dt="2024-10-06T05:57:19.195" v="5"/>
          <ac:graphicFrameMkLst>
            <pc:docMk/>
            <pc:sldMk cId="1658164610" sldId="283"/>
            <ac:graphicFrameMk id="7" creationId="{D41B5344-1C27-EC97-76C1-23FE278EA8C6}"/>
          </ac:graphicFrameMkLst>
        </pc:graphicFrameChg>
        <pc:picChg chg="add del mod modCrop">
          <ac:chgData name="Joseph Guzman" userId="S::joseph.guzman@student.csulb.edu::17ccc4ac-b72a-4c03-9511-790abe281be7" providerId="AD" clId="Web-{F1515BB9-18FA-E683-6790-E4A7604EB669}" dt="2024-10-06T09:20:45.030" v="1110"/>
          <ac:picMkLst>
            <pc:docMk/>
            <pc:sldMk cId="1658164610" sldId="283"/>
            <ac:picMk id="9" creationId="{9D1348EF-5266-B3D9-9496-231671F5603C}"/>
          </ac:picMkLst>
        </pc:picChg>
        <pc:picChg chg="add del mod modCrop">
          <ac:chgData name="Joseph Guzman" userId="S::joseph.guzman@student.csulb.edu::17ccc4ac-b72a-4c03-9511-790abe281be7" providerId="AD" clId="Web-{F1515BB9-18FA-E683-6790-E4A7604EB669}" dt="2024-10-06T09:20:46.249" v="1111"/>
          <ac:picMkLst>
            <pc:docMk/>
            <pc:sldMk cId="1658164610" sldId="283"/>
            <ac:picMk id="11" creationId="{CD6F8E0A-14AD-D146-3D80-8CE25EB65595}"/>
          </ac:picMkLst>
        </pc:picChg>
        <pc:picChg chg="add">
          <ac:chgData name="Joseph Guzman" userId="S::joseph.guzman@student.csulb.edu::17ccc4ac-b72a-4c03-9511-790abe281be7" providerId="AD" clId="Web-{F1515BB9-18FA-E683-6790-E4A7604EB669}" dt="2024-10-06T06:37:22.290" v="309"/>
          <ac:picMkLst>
            <pc:docMk/>
            <pc:sldMk cId="1658164610" sldId="283"/>
            <ac:picMk id="34" creationId="{57354BC2-4373-18B3-F66F-B2816986A6C0}"/>
          </ac:picMkLst>
        </pc:picChg>
      </pc:sldChg>
      <pc:sldChg chg="addSp delSp modSp mod modClrScheme chgLayout">
        <pc:chgData name="Joseph Guzman" userId="S::joseph.guzman@student.csulb.edu::17ccc4ac-b72a-4c03-9511-790abe281be7" providerId="AD" clId="Web-{F1515BB9-18FA-E683-6790-E4A7604EB669}" dt="2024-10-06T09:43:11.348" v="1702" actId="1076"/>
        <pc:sldMkLst>
          <pc:docMk/>
          <pc:sldMk cId="2791821786" sldId="285"/>
        </pc:sldMkLst>
        <pc:spChg chg="add mod">
          <ac:chgData name="Joseph Guzman" userId="S::joseph.guzman@student.csulb.edu::17ccc4ac-b72a-4c03-9511-790abe281be7" providerId="AD" clId="Web-{F1515BB9-18FA-E683-6790-E4A7604EB669}" dt="2024-10-06T09:43:11.348" v="1702" actId="1076"/>
          <ac:spMkLst>
            <pc:docMk/>
            <pc:sldMk cId="2791821786" sldId="285"/>
            <ac:spMk id="2" creationId="{A8763BF2-10D3-015B-A424-0482961378DF}"/>
          </ac:spMkLst>
        </pc:spChg>
        <pc:spChg chg="del mod">
          <ac:chgData name="Joseph Guzman" userId="S::joseph.guzman@student.csulb.edu::17ccc4ac-b72a-4c03-9511-790abe281be7" providerId="AD" clId="Web-{F1515BB9-18FA-E683-6790-E4A7604EB669}" dt="2024-10-06T06:24:31.620" v="195"/>
          <ac:spMkLst>
            <pc:docMk/>
            <pc:sldMk cId="2791821786" sldId="285"/>
            <ac:spMk id="5" creationId="{4832B776-E386-1CF9-CC8F-2D2FF3EA7066}"/>
          </ac:spMkLst>
        </pc:spChg>
        <pc:spChg chg="add del mod">
          <ac:chgData name="Joseph Guzman" userId="S::joseph.guzman@student.csulb.edu::17ccc4ac-b72a-4c03-9511-790abe281be7" providerId="AD" clId="Web-{F1515BB9-18FA-E683-6790-E4A7604EB669}" dt="2024-10-06T09:13:55.675" v="1040"/>
          <ac:spMkLst>
            <pc:docMk/>
            <pc:sldMk cId="2791821786" sldId="285"/>
            <ac:spMk id="5" creationId="{AD245B96-41D0-3121-82FB-2B028895B6F2}"/>
          </ac:spMkLst>
        </pc:spChg>
        <pc:spChg chg="del">
          <ac:chgData name="Joseph Guzman" userId="S::joseph.guzman@student.csulb.edu::17ccc4ac-b72a-4c03-9511-790abe281be7" providerId="AD" clId="Web-{F1515BB9-18FA-E683-6790-E4A7604EB669}" dt="2024-10-06T09:11:14.070" v="997"/>
          <ac:spMkLst>
            <pc:docMk/>
            <pc:sldMk cId="2791821786" sldId="285"/>
            <ac:spMk id="8" creationId="{3E5FEE2D-79E5-4C1D-8BF7-EE619CA7039A}"/>
          </ac:spMkLst>
        </pc:spChg>
        <pc:spChg chg="add mod">
          <ac:chgData name="Joseph Guzman" userId="S::joseph.guzman@student.csulb.edu::17ccc4ac-b72a-4c03-9511-790abe281be7" providerId="AD" clId="Web-{F1515BB9-18FA-E683-6790-E4A7604EB669}" dt="2024-10-06T09:27:22.431" v="1156" actId="20577"/>
          <ac:spMkLst>
            <pc:docMk/>
            <pc:sldMk cId="2791821786" sldId="285"/>
            <ac:spMk id="9" creationId="{A1E3159E-C240-3A6A-6B17-AE44568668A3}"/>
          </ac:spMkLst>
        </pc:spChg>
        <pc:spChg chg="add del mod">
          <ac:chgData name="Joseph Guzman" userId="S::joseph.guzman@student.csulb.edu::17ccc4ac-b72a-4c03-9511-790abe281be7" providerId="AD" clId="Web-{F1515BB9-18FA-E683-6790-E4A7604EB669}" dt="2024-10-06T09:11:17.133" v="998"/>
          <ac:spMkLst>
            <pc:docMk/>
            <pc:sldMk cId="2791821786" sldId="285"/>
            <ac:spMk id="10" creationId="{C8D204DC-C9B4-41F9-B720-ED51CCC5F06E}"/>
          </ac:spMkLst>
        </pc:spChg>
        <pc:spChg chg="add del mod">
          <ac:chgData name="Joseph Guzman" userId="S::joseph.guzman@student.csulb.edu::17ccc4ac-b72a-4c03-9511-790abe281be7" providerId="AD" clId="Web-{F1515BB9-18FA-E683-6790-E4A7604EB669}" dt="2024-10-06T09:39:42.270" v="1643"/>
          <ac:spMkLst>
            <pc:docMk/>
            <pc:sldMk cId="2791821786" sldId="285"/>
            <ac:spMk id="12" creationId="{69527CE0-28C1-E80D-8224-985EE6E0BD16}"/>
          </ac:spMkLst>
        </pc:spChg>
        <pc:spChg chg="add del mod ord">
          <ac:chgData name="Joseph Guzman" userId="S::joseph.guzman@student.csulb.edu::17ccc4ac-b72a-4c03-9511-790abe281be7" providerId="AD" clId="Web-{F1515BB9-18FA-E683-6790-E4A7604EB669}" dt="2024-10-06T09:14:51.741" v="1048"/>
          <ac:spMkLst>
            <pc:docMk/>
            <pc:sldMk cId="2791821786" sldId="285"/>
            <ac:spMk id="13" creationId="{F84E5678-81BA-6BDD-9475-BC430B1BDB54}"/>
          </ac:spMkLst>
        </pc:spChg>
        <pc:spChg chg="add del mod ord">
          <ac:chgData name="Joseph Guzman" userId="S::joseph.guzman@student.csulb.edu::17ccc4ac-b72a-4c03-9511-790abe281be7" providerId="AD" clId="Web-{F1515BB9-18FA-E683-6790-E4A7604EB669}" dt="2024-10-06T09:14:55.116" v="1050"/>
          <ac:spMkLst>
            <pc:docMk/>
            <pc:sldMk cId="2791821786" sldId="285"/>
            <ac:spMk id="14" creationId="{A524B70E-19A3-00A4-653E-834E1C395265}"/>
          </ac:spMkLst>
        </pc:spChg>
        <pc:spChg chg="add del mod ord">
          <ac:chgData name="Joseph Guzman" userId="S::joseph.guzman@student.csulb.edu::17ccc4ac-b72a-4c03-9511-790abe281be7" providerId="AD" clId="Web-{F1515BB9-18FA-E683-6790-E4A7604EB669}" dt="2024-10-06T09:14:52.960" v="1049"/>
          <ac:spMkLst>
            <pc:docMk/>
            <pc:sldMk cId="2791821786" sldId="285"/>
            <ac:spMk id="15" creationId="{E0DC9ED0-22F9-E57D-0DE8-57D687EC0539}"/>
          </ac:spMkLst>
        </pc:spChg>
        <pc:spChg chg="add mod">
          <ac:chgData name="Joseph Guzman" userId="S::joseph.guzman@student.csulb.edu::17ccc4ac-b72a-4c03-9511-790abe281be7" providerId="AD" clId="Web-{F1515BB9-18FA-E683-6790-E4A7604EB669}" dt="2024-10-06T09:39:46.786" v="1646" actId="20577"/>
          <ac:spMkLst>
            <pc:docMk/>
            <pc:sldMk cId="2791821786" sldId="285"/>
            <ac:spMk id="19" creationId="{D7804064-B8B0-7AE8-47EA-BBFDC28CCF6C}"/>
          </ac:spMkLst>
        </pc:spChg>
        <pc:picChg chg="add del">
          <ac:chgData name="Joseph Guzman" userId="S::joseph.guzman@student.csulb.edu::17ccc4ac-b72a-4c03-9511-790abe281be7" providerId="AD" clId="Web-{F1515BB9-18FA-E683-6790-E4A7604EB669}" dt="2024-10-06T09:27:14.931" v="1153"/>
          <ac:picMkLst>
            <pc:docMk/>
            <pc:sldMk cId="2791821786" sldId="285"/>
            <ac:picMk id="6" creationId="{9B8CE6AB-AEEE-931D-A906-E2818A297409}"/>
          </ac:picMkLst>
        </pc:picChg>
        <pc:picChg chg="add ord">
          <ac:chgData name="Joseph Guzman" userId="S::joseph.guzman@student.csulb.edu::17ccc4ac-b72a-4c03-9511-790abe281be7" providerId="AD" clId="Web-{F1515BB9-18FA-E683-6790-E4A7604EB669}" dt="2024-10-06T09:27:19.384" v="1155"/>
          <ac:picMkLst>
            <pc:docMk/>
            <pc:sldMk cId="2791821786" sldId="285"/>
            <ac:picMk id="17" creationId="{362ECB31-9CD3-29B7-60B2-E6D860ADD85D}"/>
          </ac:picMkLst>
        </pc:picChg>
      </pc:sldChg>
      <pc:sldChg chg="addSp delSp modSp mod modClrScheme chgLayout">
        <pc:chgData name="Joseph Guzman" userId="S::joseph.guzman@student.csulb.edu::17ccc4ac-b72a-4c03-9511-790abe281be7" providerId="AD" clId="Web-{F1515BB9-18FA-E683-6790-E4A7604EB669}" dt="2024-10-06T09:41:54.623" v="1694"/>
        <pc:sldMkLst>
          <pc:docMk/>
          <pc:sldMk cId="2898855606" sldId="287"/>
        </pc:sldMkLst>
        <pc:spChg chg="del mod">
          <ac:chgData name="Joseph Guzman" userId="S::joseph.guzman@student.csulb.edu::17ccc4ac-b72a-4c03-9511-790abe281be7" providerId="AD" clId="Web-{F1515BB9-18FA-E683-6790-E4A7604EB669}" dt="2024-10-06T09:09:34.954" v="965"/>
          <ac:spMkLst>
            <pc:docMk/>
            <pc:sldMk cId="2898855606" sldId="287"/>
            <ac:spMk id="2" creationId="{A95E2E6A-35EC-1B8E-0FD7-8C67870ACA64}"/>
          </ac:spMkLst>
        </pc:spChg>
        <pc:spChg chg="add del mod">
          <ac:chgData name="Joseph Guzman" userId="S::joseph.guzman@student.csulb.edu::17ccc4ac-b72a-4c03-9511-790abe281be7" providerId="AD" clId="Web-{F1515BB9-18FA-E683-6790-E4A7604EB669}" dt="2024-10-06T09:12:58.046" v="1015"/>
          <ac:spMkLst>
            <pc:docMk/>
            <pc:sldMk cId="2898855606" sldId="287"/>
            <ac:spMk id="7" creationId="{34FC1907-9CA3-560C-8BE4-34E5951AC98D}"/>
          </ac:spMkLst>
        </pc:spChg>
        <pc:spChg chg="mod">
          <ac:chgData name="Joseph Guzman" userId="S::joseph.guzman@student.csulb.edu::17ccc4ac-b72a-4c03-9511-790abe281be7" providerId="AD" clId="Web-{F1515BB9-18FA-E683-6790-E4A7604EB669}" dt="2024-10-06T09:25:21.720" v="1145" actId="20577"/>
          <ac:spMkLst>
            <pc:docMk/>
            <pc:sldMk cId="2898855606" sldId="287"/>
            <ac:spMk id="8" creationId="{393D7D32-E092-F449-62E3-0710ACDF5684}"/>
          </ac:spMkLst>
        </pc:spChg>
        <pc:spChg chg="del">
          <ac:chgData name="Joseph Guzman" userId="S::joseph.guzman@student.csulb.edu::17ccc4ac-b72a-4c03-9511-790abe281be7" providerId="AD" clId="Web-{F1515BB9-18FA-E683-6790-E4A7604EB669}" dt="2024-10-06T06:30:28.963" v="261"/>
          <ac:spMkLst>
            <pc:docMk/>
            <pc:sldMk cId="2898855606" sldId="287"/>
            <ac:spMk id="8" creationId="{8F44A959-C2BB-9170-C99C-1A2EDB71B994}"/>
          </ac:spMkLst>
        </pc:spChg>
        <pc:spChg chg="add">
          <ac:chgData name="Joseph Guzman" userId="S::joseph.guzman@student.csulb.edu::17ccc4ac-b72a-4c03-9511-790abe281be7" providerId="AD" clId="Web-{F1515BB9-18FA-E683-6790-E4A7604EB669}" dt="2024-10-06T06:36:20.551" v="297"/>
          <ac:spMkLst>
            <pc:docMk/>
            <pc:sldMk cId="2898855606" sldId="287"/>
            <ac:spMk id="9" creationId="{FBDADFA9-3298-E3A6-A536-643C842DAAC3}"/>
          </ac:spMkLst>
        </pc:spChg>
        <pc:spChg chg="add del mod">
          <ac:chgData name="Joseph Guzman" userId="S::joseph.guzman@student.csulb.edu::17ccc4ac-b72a-4c03-9511-790abe281be7" providerId="AD" clId="Web-{F1515BB9-18FA-E683-6790-E4A7604EB669}" dt="2024-10-06T09:11:20.133" v="999"/>
          <ac:spMkLst>
            <pc:docMk/>
            <pc:sldMk cId="2898855606" sldId="287"/>
            <ac:spMk id="11" creationId="{62F36325-AE0E-6209-5BAD-B042F6B6B488}"/>
          </ac:spMkLst>
        </pc:spChg>
        <pc:spChg chg="del mod">
          <ac:chgData name="Joseph Guzman" userId="S::joseph.guzman@student.csulb.edu::17ccc4ac-b72a-4c03-9511-790abe281be7" providerId="AD" clId="Web-{F1515BB9-18FA-E683-6790-E4A7604EB669}" dt="2024-10-06T09:11:21.618" v="1000"/>
          <ac:spMkLst>
            <pc:docMk/>
            <pc:sldMk cId="2898855606" sldId="287"/>
            <ac:spMk id="12" creationId="{554B61B9-26F6-B304-92CD-03053DAAF2A8}"/>
          </ac:spMkLst>
        </pc:spChg>
        <pc:spChg chg="add del mod ord">
          <ac:chgData name="Joseph Guzman" userId="S::joseph.guzman@student.csulb.edu::17ccc4ac-b72a-4c03-9511-790abe281be7" providerId="AD" clId="Web-{F1515BB9-18FA-E683-6790-E4A7604EB669}" dt="2024-10-06T09:12:56.889" v="1014"/>
          <ac:spMkLst>
            <pc:docMk/>
            <pc:sldMk cId="2898855606" sldId="287"/>
            <ac:spMk id="13" creationId="{1F1502CD-431A-5CEF-7267-E803BFCC555D}"/>
          </ac:spMkLst>
        </pc:spChg>
        <pc:spChg chg="del mod ord">
          <ac:chgData name="Joseph Guzman" userId="S::joseph.guzman@student.csulb.edu::17ccc4ac-b72a-4c03-9511-790abe281be7" providerId="AD" clId="Web-{F1515BB9-18FA-E683-6790-E4A7604EB669}" dt="2024-10-06T09:13:00.983" v="1016"/>
          <ac:spMkLst>
            <pc:docMk/>
            <pc:sldMk cId="2898855606" sldId="287"/>
            <ac:spMk id="14" creationId="{CB9F9E8B-42CD-AC26-AFC9-F1F66695693B}"/>
          </ac:spMkLst>
        </pc:spChg>
        <pc:spChg chg="add del mod ord">
          <ac:chgData name="Joseph Guzman" userId="S::joseph.guzman@student.csulb.edu::17ccc4ac-b72a-4c03-9511-790abe281be7" providerId="AD" clId="Web-{F1515BB9-18FA-E683-6790-E4A7604EB669}" dt="2024-10-06T09:12:56.202" v="1013"/>
          <ac:spMkLst>
            <pc:docMk/>
            <pc:sldMk cId="2898855606" sldId="287"/>
            <ac:spMk id="15" creationId="{805B05BC-0F39-EDB9-BE83-A99CDB611C5B}"/>
          </ac:spMkLst>
        </pc:spChg>
        <pc:spChg chg="add del mod">
          <ac:chgData name="Joseph Guzman" userId="S::joseph.guzman@student.csulb.edu::17ccc4ac-b72a-4c03-9511-790abe281be7" providerId="AD" clId="Web-{F1515BB9-18FA-E683-6790-E4A7604EB669}" dt="2024-10-06T09:13:41.346" v="1030"/>
          <ac:spMkLst>
            <pc:docMk/>
            <pc:sldMk cId="2898855606" sldId="287"/>
            <ac:spMk id="17" creationId="{3F4BA95A-28A6-50B6-B21C-28A6A67DA0E6}"/>
          </ac:spMkLst>
        </pc:spChg>
        <pc:spChg chg="add del mod">
          <ac:chgData name="Joseph Guzman" userId="S::joseph.guzman@student.csulb.edu::17ccc4ac-b72a-4c03-9511-790abe281be7" providerId="AD" clId="Web-{F1515BB9-18FA-E683-6790-E4A7604EB669}" dt="2024-10-06T09:13:42.736" v="1031"/>
          <ac:spMkLst>
            <pc:docMk/>
            <pc:sldMk cId="2898855606" sldId="287"/>
            <ac:spMk id="19" creationId="{062A1FA8-009D-ADB5-0EA6-8EDED22FA8F0}"/>
          </ac:spMkLst>
        </pc:spChg>
        <pc:spChg chg="add mod">
          <ac:chgData name="Joseph Guzman" userId="S::joseph.guzman@student.csulb.edu::17ccc4ac-b72a-4c03-9511-790abe281be7" providerId="AD" clId="Web-{F1515BB9-18FA-E683-6790-E4A7604EB669}" dt="2024-10-06T09:39:26.488" v="1635" actId="14100"/>
          <ac:spMkLst>
            <pc:docMk/>
            <pc:sldMk cId="2898855606" sldId="287"/>
            <ac:spMk id="21" creationId="{4B631317-8C73-1BA9-0885-5F53A3A3C6BA}"/>
          </ac:spMkLst>
        </pc:spChg>
        <pc:spChg chg="add del mod">
          <ac:chgData name="Joseph Guzman" userId="S::joseph.guzman@student.csulb.edu::17ccc4ac-b72a-4c03-9511-790abe281be7" providerId="AD" clId="Web-{F1515BB9-18FA-E683-6790-E4A7604EB669}" dt="2024-10-06T09:32:56.094" v="1290" actId="1076"/>
          <ac:spMkLst>
            <pc:docMk/>
            <pc:sldMk cId="2898855606" sldId="287"/>
            <ac:spMk id="25" creationId="{CE1351E0-5F12-AB1B-CAC3-33CED8066EE7}"/>
          </ac:spMkLst>
        </pc:spChg>
        <pc:spChg chg="add del mod">
          <ac:chgData name="Joseph Guzman" userId="S::joseph.guzman@student.csulb.edu::17ccc4ac-b72a-4c03-9511-790abe281be7" providerId="AD" clId="Web-{F1515BB9-18FA-E683-6790-E4A7604EB669}" dt="2024-10-06T09:29:38.596" v="1177"/>
          <ac:spMkLst>
            <pc:docMk/>
            <pc:sldMk cId="2898855606" sldId="287"/>
            <ac:spMk id="27" creationId="{BB85D3A5-618F-6033-1077-28DD25256ECA}"/>
          </ac:spMkLst>
        </pc:spChg>
        <pc:spChg chg="add mod">
          <ac:chgData name="Joseph Guzman" userId="S::joseph.guzman@student.csulb.edu::17ccc4ac-b72a-4c03-9511-790abe281be7" providerId="AD" clId="Web-{F1515BB9-18FA-E683-6790-E4A7604EB669}" dt="2024-10-06T09:32:05.450" v="1250" actId="20577"/>
          <ac:spMkLst>
            <pc:docMk/>
            <pc:sldMk cId="2898855606" sldId="287"/>
            <ac:spMk id="28" creationId="{EBACC4F5-0E82-A71C-0ED3-E121E0993EF5}"/>
          </ac:spMkLst>
        </pc:spChg>
        <pc:spChg chg="add mod">
          <ac:chgData name="Joseph Guzman" userId="S::joseph.guzman@student.csulb.edu::17ccc4ac-b72a-4c03-9511-790abe281be7" providerId="AD" clId="Web-{F1515BB9-18FA-E683-6790-E4A7604EB669}" dt="2024-10-06T09:33:10.207" v="1299" actId="14100"/>
          <ac:spMkLst>
            <pc:docMk/>
            <pc:sldMk cId="2898855606" sldId="287"/>
            <ac:spMk id="29" creationId="{A05D092C-FCC3-13A1-A3C0-F78E76168766}"/>
          </ac:spMkLst>
        </pc:spChg>
        <pc:spChg chg="add del">
          <ac:chgData name="Joseph Guzman" userId="S::joseph.guzman@student.csulb.edu::17ccc4ac-b72a-4c03-9511-790abe281be7" providerId="AD" clId="Web-{F1515BB9-18FA-E683-6790-E4A7604EB669}" dt="2024-10-06T09:33:19.521" v="1301"/>
          <ac:spMkLst>
            <pc:docMk/>
            <pc:sldMk cId="2898855606" sldId="287"/>
            <ac:spMk id="30" creationId="{47ED2565-A379-BDAC-FCB9-D47C33D1D932}"/>
          </ac:spMkLst>
        </pc:spChg>
        <pc:spChg chg="add mod">
          <ac:chgData name="Joseph Guzman" userId="S::joseph.guzman@student.csulb.edu::17ccc4ac-b72a-4c03-9511-790abe281be7" providerId="AD" clId="Web-{F1515BB9-18FA-E683-6790-E4A7604EB669}" dt="2024-10-06T09:37:53.169" v="1611" actId="14100"/>
          <ac:spMkLst>
            <pc:docMk/>
            <pc:sldMk cId="2898855606" sldId="287"/>
            <ac:spMk id="31" creationId="{DDF40877-7C86-6F12-4C8A-5F56CB5BB1C7}"/>
          </ac:spMkLst>
        </pc:spChg>
        <pc:spChg chg="add del mod ord">
          <ac:chgData name="Joseph Guzman" userId="S::joseph.guzman@student.csulb.edu::17ccc4ac-b72a-4c03-9511-790abe281be7" providerId="AD" clId="Web-{F1515BB9-18FA-E683-6790-E4A7604EB669}" dt="2024-10-06T09:41:54.623" v="1694"/>
          <ac:spMkLst>
            <pc:docMk/>
            <pc:sldMk cId="2898855606" sldId="287"/>
            <ac:spMk id="32" creationId="{DE5BB8A3-BDFE-F6DB-5747-D1F464A05DCC}"/>
          </ac:spMkLst>
        </pc:spChg>
        <pc:spChg chg="add del mod ord">
          <ac:chgData name="Joseph Guzman" userId="S::joseph.guzman@student.csulb.edu::17ccc4ac-b72a-4c03-9511-790abe281be7" providerId="AD" clId="Web-{F1515BB9-18FA-E683-6790-E4A7604EB669}" dt="2024-10-06T09:41:54.623" v="1694"/>
          <ac:spMkLst>
            <pc:docMk/>
            <pc:sldMk cId="2898855606" sldId="287"/>
            <ac:spMk id="33" creationId="{56C4264C-E721-53B6-58A6-CC14DB067AD5}"/>
          </ac:spMkLst>
        </pc:spChg>
        <pc:spChg chg="del mod ord">
          <ac:chgData name="Joseph Guzman" userId="S::joseph.guzman@student.csulb.edu::17ccc4ac-b72a-4c03-9511-790abe281be7" providerId="AD" clId="Web-{F1515BB9-18FA-E683-6790-E4A7604EB669}" dt="2024-10-06T09:29:36.143" v="1176"/>
          <ac:spMkLst>
            <pc:docMk/>
            <pc:sldMk cId="2898855606" sldId="287"/>
            <ac:spMk id="35" creationId="{EDBE6233-75E9-40D1-968F-58CA9AD0FF50}"/>
          </ac:spMkLst>
        </pc:spChg>
        <pc:picChg chg="add del">
          <ac:chgData name="Joseph Guzman" userId="S::joseph.guzman@student.csulb.edu::17ccc4ac-b72a-4c03-9511-790abe281be7" providerId="AD" clId="Web-{F1515BB9-18FA-E683-6790-E4A7604EB669}" dt="2024-10-06T06:30:26.931" v="260"/>
          <ac:picMkLst>
            <pc:docMk/>
            <pc:sldMk cId="2898855606" sldId="287"/>
            <ac:picMk id="4" creationId="{5FBC098D-F6C4-38D5-00F6-CF3D2C89BD5B}"/>
          </ac:picMkLst>
        </pc:picChg>
        <pc:picChg chg="del">
          <ac:chgData name="Joseph Guzman" userId="S::joseph.guzman@student.csulb.edu::17ccc4ac-b72a-4c03-9511-790abe281be7" providerId="AD" clId="Web-{F1515BB9-18FA-E683-6790-E4A7604EB669}" dt="2024-10-06T09:25:18.267" v="1144"/>
          <ac:picMkLst>
            <pc:docMk/>
            <pc:sldMk cId="2898855606" sldId="287"/>
            <ac:picMk id="5" creationId="{516B3F46-21BF-0455-C77F-C7D08D767B48}"/>
          </ac:picMkLst>
        </pc:picChg>
        <pc:picChg chg="add">
          <ac:chgData name="Joseph Guzman" userId="S::joseph.guzman@student.csulb.edu::17ccc4ac-b72a-4c03-9511-790abe281be7" providerId="AD" clId="Web-{F1515BB9-18FA-E683-6790-E4A7604EB669}" dt="2024-10-06T06:30:29.869" v="262"/>
          <ac:picMkLst>
            <pc:docMk/>
            <pc:sldMk cId="2898855606" sldId="287"/>
            <ac:picMk id="6" creationId="{3BB78F1A-71E3-3FD4-E065-7ABF07D956B4}"/>
          </ac:picMkLst>
        </pc:picChg>
        <pc:picChg chg="add mod ord modCrop">
          <ac:chgData name="Joseph Guzman" userId="S::joseph.guzman@student.csulb.edu::17ccc4ac-b72a-4c03-9511-790abe281be7" providerId="AD" clId="Web-{F1515BB9-18FA-E683-6790-E4A7604EB669}" dt="2024-10-06T09:26:47.397" v="1152" actId="1076"/>
          <ac:picMkLst>
            <pc:docMk/>
            <pc:sldMk cId="2898855606" sldId="287"/>
            <ac:picMk id="23" creationId="{0FDA2103-1A93-157E-55FC-377167874947}"/>
          </ac:picMkLst>
        </pc:picChg>
      </pc:sldChg>
      <pc:sldChg chg="addSp delSp modSp">
        <pc:chgData name="Joseph Guzman" userId="S::joseph.guzman@student.csulb.edu::17ccc4ac-b72a-4c03-9511-790abe281be7" providerId="AD" clId="Web-{F1515BB9-18FA-E683-6790-E4A7604EB669}" dt="2024-10-06T09:43:00.002" v="1699" actId="1076"/>
        <pc:sldMkLst>
          <pc:docMk/>
          <pc:sldMk cId="1056707939" sldId="288"/>
        </pc:sldMkLst>
        <pc:spChg chg="del mod">
          <ac:chgData name="Joseph Guzman" userId="S::joseph.guzman@student.csulb.edu::17ccc4ac-b72a-4c03-9511-790abe281be7" providerId="AD" clId="Web-{F1515BB9-18FA-E683-6790-E4A7604EB669}" dt="2024-10-06T09:39:53.615" v="1647"/>
          <ac:spMkLst>
            <pc:docMk/>
            <pc:sldMk cId="1056707939" sldId="288"/>
            <ac:spMk id="2" creationId="{09F14C2F-3713-35FF-E9B1-120991B24374}"/>
          </ac:spMkLst>
        </pc:spChg>
        <pc:spChg chg="mod">
          <ac:chgData name="Joseph Guzman" userId="S::joseph.guzman@student.csulb.edu::17ccc4ac-b72a-4c03-9511-790abe281be7" providerId="AD" clId="Web-{F1515BB9-18FA-E683-6790-E4A7604EB669}" dt="2024-10-06T09:43:00.002" v="1699" actId="1076"/>
          <ac:spMkLst>
            <pc:docMk/>
            <pc:sldMk cId="1056707939" sldId="288"/>
            <ac:spMk id="3" creationId="{B75EAB48-EB0F-5D56-211F-555FFEEDBA4E}"/>
          </ac:spMkLst>
        </pc:spChg>
        <pc:spChg chg="del">
          <ac:chgData name="Joseph Guzman" userId="S::joseph.guzman@student.csulb.edu::17ccc4ac-b72a-4c03-9511-790abe281be7" providerId="AD" clId="Web-{F1515BB9-18FA-E683-6790-E4A7604EB669}" dt="2024-10-06T06:24:34.526" v="196"/>
          <ac:spMkLst>
            <pc:docMk/>
            <pc:sldMk cId="1056707939" sldId="288"/>
            <ac:spMk id="4" creationId="{EDDDAC03-3A69-3C9C-BC27-1B5DA3E19162}"/>
          </ac:spMkLst>
        </pc:spChg>
        <pc:spChg chg="add del mod">
          <ac:chgData name="Joseph Guzman" userId="S::joseph.guzman@student.csulb.edu::17ccc4ac-b72a-4c03-9511-790abe281be7" providerId="AD" clId="Web-{F1515BB9-18FA-E683-6790-E4A7604EB669}" dt="2024-10-06T09:39:56.365" v="1649"/>
          <ac:spMkLst>
            <pc:docMk/>
            <pc:sldMk cId="1056707939" sldId="288"/>
            <ac:spMk id="7" creationId="{AFD82888-C5FA-31F7-298C-D5291CEB39CD}"/>
          </ac:spMkLst>
        </pc:spChg>
        <pc:spChg chg="add del mod">
          <ac:chgData name="Joseph Guzman" userId="S::joseph.guzman@student.csulb.edu::17ccc4ac-b72a-4c03-9511-790abe281be7" providerId="AD" clId="Web-{F1515BB9-18FA-E683-6790-E4A7604EB669}" dt="2024-10-06T09:27:50.261" v="1164"/>
          <ac:spMkLst>
            <pc:docMk/>
            <pc:sldMk cId="1056707939" sldId="288"/>
            <ac:spMk id="8" creationId="{3015A092-9F53-267E-0F24-FAB60325633D}"/>
          </ac:spMkLst>
        </pc:spChg>
        <pc:spChg chg="add mod">
          <ac:chgData name="Joseph Guzman" userId="S::joseph.guzman@student.csulb.edu::17ccc4ac-b72a-4c03-9511-790abe281be7" providerId="AD" clId="Web-{F1515BB9-18FA-E683-6790-E4A7604EB669}" dt="2024-10-06T09:40:57.510" v="1672" actId="20577"/>
          <ac:spMkLst>
            <pc:docMk/>
            <pc:sldMk cId="1056707939" sldId="288"/>
            <ac:spMk id="10" creationId="{CA477F26-1BD1-9142-CD05-05600B4A1E87}"/>
          </ac:spMkLst>
        </pc:spChg>
        <pc:picChg chg="add del">
          <ac:chgData name="Joseph Guzman" userId="S::joseph.guzman@student.csulb.edu::17ccc4ac-b72a-4c03-9511-790abe281be7" providerId="AD" clId="Web-{F1515BB9-18FA-E683-6790-E4A7604EB669}" dt="2024-10-06T09:27:49.683" v="1163"/>
          <ac:picMkLst>
            <pc:docMk/>
            <pc:sldMk cId="1056707939" sldId="288"/>
            <ac:picMk id="6" creationId="{3586EB26-416D-0850-2BA3-89B54FFA04DA}"/>
          </ac:picMkLst>
        </pc:picChg>
      </pc:sldChg>
      <pc:sldChg chg="addSp delSp">
        <pc:chgData name="Joseph Guzman" userId="S::joseph.guzman@student.csulb.edu::17ccc4ac-b72a-4c03-9511-790abe281be7" providerId="AD" clId="Web-{F1515BB9-18FA-E683-6790-E4A7604EB669}" dt="2024-10-06T06:30:33.932" v="264"/>
        <pc:sldMkLst>
          <pc:docMk/>
          <pc:sldMk cId="212836177" sldId="289"/>
        </pc:sldMkLst>
        <pc:picChg chg="add del">
          <ac:chgData name="Joseph Guzman" userId="S::joseph.guzman@student.csulb.edu::17ccc4ac-b72a-4c03-9511-790abe281be7" providerId="AD" clId="Web-{F1515BB9-18FA-E683-6790-E4A7604EB669}" dt="2024-10-06T06:30:33.932" v="264"/>
          <ac:picMkLst>
            <pc:docMk/>
            <pc:sldMk cId="212836177" sldId="289"/>
            <ac:picMk id="13" creationId="{E0EEE230-32AA-E15C-56D9-9C72BA0540AC}"/>
          </ac:picMkLst>
        </pc:picChg>
      </pc:sldChg>
      <pc:sldChg chg="addSp delSp modSp mod modClrScheme chgLayout">
        <pc:chgData name="Joseph Guzman" userId="S::joseph.guzman@student.csulb.edu::17ccc4ac-b72a-4c03-9511-790abe281be7" providerId="AD" clId="Web-{F1515BB9-18FA-E683-6790-E4A7604EB669}" dt="2024-10-06T09:41:03.198" v="1678" actId="14100"/>
        <pc:sldMkLst>
          <pc:docMk/>
          <pc:sldMk cId="2804879295" sldId="291"/>
        </pc:sldMkLst>
        <pc:spChg chg="mod ord">
          <ac:chgData name="Joseph Guzman" userId="S::joseph.guzman@student.csulb.edu::17ccc4ac-b72a-4c03-9511-790abe281be7" providerId="AD" clId="Web-{F1515BB9-18FA-E683-6790-E4A7604EB669}" dt="2024-10-06T09:41:03.198" v="1678" actId="14100"/>
          <ac:spMkLst>
            <pc:docMk/>
            <pc:sldMk cId="2804879295" sldId="291"/>
            <ac:spMk id="2" creationId="{E8297F09-7025-DF80-C5A1-FBFA2EE74DD2}"/>
          </ac:spMkLst>
        </pc:spChg>
        <pc:spChg chg="mod ord">
          <ac:chgData name="Joseph Guzman" userId="S::joseph.guzman@student.csulb.edu::17ccc4ac-b72a-4c03-9511-790abe281be7" providerId="AD" clId="Web-{F1515BB9-18FA-E683-6790-E4A7604EB669}" dt="2024-10-06T08:06:07.697" v="475" actId="20577"/>
          <ac:spMkLst>
            <pc:docMk/>
            <pc:sldMk cId="2804879295" sldId="291"/>
            <ac:spMk id="3" creationId="{92D3CC64-4176-3513-6CC1-441921739CF8}"/>
          </ac:spMkLst>
        </pc:spChg>
        <pc:spChg chg="add mod ord">
          <ac:chgData name="Joseph Guzman" userId="S::joseph.guzman@student.csulb.edu::17ccc4ac-b72a-4c03-9511-790abe281be7" providerId="AD" clId="Web-{F1515BB9-18FA-E683-6790-E4A7604EB669}" dt="2024-10-06T07:27:08.149" v="380"/>
          <ac:spMkLst>
            <pc:docMk/>
            <pc:sldMk cId="2804879295" sldId="291"/>
            <ac:spMk id="4" creationId="{2E00AFEA-7036-E06A-9EC7-A26B70601B8E}"/>
          </ac:spMkLst>
        </pc:spChg>
        <pc:spChg chg="add del">
          <ac:chgData name="Joseph Guzman" userId="S::joseph.guzman@student.csulb.edu::17ccc4ac-b72a-4c03-9511-790abe281be7" providerId="AD" clId="Web-{F1515BB9-18FA-E683-6790-E4A7604EB669}" dt="2024-10-06T06:24:54.637" v="201"/>
          <ac:spMkLst>
            <pc:docMk/>
            <pc:sldMk cId="2804879295" sldId="291"/>
            <ac:spMk id="6" creationId="{088C9C63-8704-6F44-0A23-A7F02FC89519}"/>
          </ac:spMkLst>
        </pc:spChg>
        <pc:spChg chg="add mod">
          <ac:chgData name="Joseph Guzman" userId="S::joseph.guzman@student.csulb.edu::17ccc4ac-b72a-4c03-9511-790abe281be7" providerId="AD" clId="Web-{F1515BB9-18FA-E683-6790-E4A7604EB669}" dt="2024-10-06T06:29:09.207" v="253" actId="1076"/>
          <ac:spMkLst>
            <pc:docMk/>
            <pc:sldMk cId="2804879295" sldId="291"/>
            <ac:spMk id="10" creationId="{40DBD955-A612-5B43-B07B-39DC5E496A25}"/>
          </ac:spMkLst>
        </pc:spChg>
        <pc:spChg chg="add mod ord">
          <ac:chgData name="Joseph Guzman" userId="S::joseph.guzman@student.csulb.edu::17ccc4ac-b72a-4c03-9511-790abe281be7" providerId="AD" clId="Web-{F1515BB9-18FA-E683-6790-E4A7604EB669}" dt="2024-10-06T07:27:08.149" v="380"/>
          <ac:spMkLst>
            <pc:docMk/>
            <pc:sldMk cId="2804879295" sldId="291"/>
            <ac:spMk id="13" creationId="{319A5FA2-0EDD-A2ED-D8DC-179D191256B4}"/>
          </ac:spMkLst>
        </pc:spChg>
        <pc:spChg chg="add mod ord">
          <ac:chgData name="Joseph Guzman" userId="S::joseph.guzman@student.csulb.edu::17ccc4ac-b72a-4c03-9511-790abe281be7" providerId="AD" clId="Web-{F1515BB9-18FA-E683-6790-E4A7604EB669}" dt="2024-10-06T07:27:08.149" v="380"/>
          <ac:spMkLst>
            <pc:docMk/>
            <pc:sldMk cId="2804879295" sldId="291"/>
            <ac:spMk id="15" creationId="{836EAD0F-CC64-04BA-B065-7E84F701FEDA}"/>
          </ac:spMkLst>
        </pc:spChg>
        <pc:picChg chg="mod modCrop">
          <ac:chgData name="Joseph Guzman" userId="S::joseph.guzman@student.csulb.edu::17ccc4ac-b72a-4c03-9511-790abe281be7" providerId="AD" clId="Web-{F1515BB9-18FA-E683-6790-E4A7604EB669}" dt="2024-10-06T08:00:25.327" v="454" actId="1076"/>
          <ac:picMkLst>
            <pc:docMk/>
            <pc:sldMk cId="2804879295" sldId="291"/>
            <ac:picMk id="5" creationId="{2A16A289-99EF-AC01-6874-F4E8534AA5B3}"/>
          </ac:picMkLst>
        </pc:picChg>
        <pc:picChg chg="add del mod modCrop">
          <ac:chgData name="Joseph Guzman" userId="S::joseph.guzman@student.csulb.edu::17ccc4ac-b72a-4c03-9511-790abe281be7" providerId="AD" clId="Web-{F1515BB9-18FA-E683-6790-E4A7604EB669}" dt="2024-10-06T06:17:19.488" v="130"/>
          <ac:picMkLst>
            <pc:docMk/>
            <pc:sldMk cId="2804879295" sldId="291"/>
            <ac:picMk id="5" creationId="{A63ADBA3-E164-5B9F-3E80-E3BA1AD633B4}"/>
          </ac:picMkLst>
        </pc:picChg>
        <pc:picChg chg="add del mod">
          <ac:chgData name="Joseph Guzman" userId="S::joseph.guzman@student.csulb.edu::17ccc4ac-b72a-4c03-9511-790abe281be7" providerId="AD" clId="Web-{F1515BB9-18FA-E683-6790-E4A7604EB669}" dt="2024-10-06T06:10:26.331" v="65"/>
          <ac:picMkLst>
            <pc:docMk/>
            <pc:sldMk cId="2804879295" sldId="291"/>
            <ac:picMk id="5" creationId="{BEFBB9E9-3CB4-4F43-5956-EBD507FD2C79}"/>
          </ac:picMkLst>
        </pc:picChg>
        <pc:picChg chg="del mod">
          <ac:chgData name="Joseph Guzman" userId="S::joseph.guzman@student.csulb.edu::17ccc4ac-b72a-4c03-9511-790abe281be7" providerId="AD" clId="Web-{F1515BB9-18FA-E683-6790-E4A7604EB669}" dt="2024-10-06T06:17:18.300" v="129"/>
          <ac:picMkLst>
            <pc:docMk/>
            <pc:sldMk cId="2804879295" sldId="291"/>
            <ac:picMk id="6" creationId="{6F8B7AFE-CB76-EBDF-722A-27A25E7B643A}"/>
          </ac:picMkLst>
        </pc:picChg>
        <pc:picChg chg="add del mod">
          <ac:chgData name="Joseph Guzman" userId="S::joseph.guzman@student.csulb.edu::17ccc4ac-b72a-4c03-9511-790abe281be7" providerId="AD" clId="Web-{F1515BB9-18FA-E683-6790-E4A7604EB669}" dt="2024-10-06T06:19:00.251" v="152"/>
          <ac:picMkLst>
            <pc:docMk/>
            <pc:sldMk cId="2804879295" sldId="291"/>
            <ac:picMk id="6" creationId="{8E4C9C11-0B0D-337F-27C6-855356E6F4FF}"/>
          </ac:picMkLst>
        </pc:picChg>
        <pc:picChg chg="add del mod modCrop">
          <ac:chgData name="Joseph Guzman" userId="S::joseph.guzman@student.csulb.edu::17ccc4ac-b72a-4c03-9511-790abe281be7" providerId="AD" clId="Web-{F1515BB9-18FA-E683-6790-E4A7604EB669}" dt="2024-10-06T07:59:35.839" v="436"/>
          <ac:picMkLst>
            <pc:docMk/>
            <pc:sldMk cId="2804879295" sldId="291"/>
            <ac:picMk id="7" creationId="{3356401D-7397-D628-0EAF-66781BBE0C2F}"/>
          </ac:picMkLst>
        </pc:picChg>
        <pc:picChg chg="add del mod modCrop">
          <ac:chgData name="Joseph Guzman" userId="S::joseph.guzman@student.csulb.edu::17ccc4ac-b72a-4c03-9511-790abe281be7" providerId="AD" clId="Web-{F1515BB9-18FA-E683-6790-E4A7604EB669}" dt="2024-10-06T06:16:22.718" v="109"/>
          <ac:picMkLst>
            <pc:docMk/>
            <pc:sldMk cId="2804879295" sldId="291"/>
            <ac:picMk id="7" creationId="{6DE88837-4D56-E54C-5353-97DD81D7E488}"/>
          </ac:picMkLst>
        </pc:picChg>
        <pc:picChg chg="add del mod modCrop">
          <ac:chgData name="Joseph Guzman" userId="S::joseph.guzman@student.csulb.edu::17ccc4ac-b72a-4c03-9511-790abe281be7" providerId="AD" clId="Web-{F1515BB9-18FA-E683-6790-E4A7604EB669}" dt="2024-10-06T06:15:11.134" v="96"/>
          <ac:picMkLst>
            <pc:docMk/>
            <pc:sldMk cId="2804879295" sldId="291"/>
            <ac:picMk id="8" creationId="{25C6D438-A5FE-F789-EC6C-DE1391490CE2}"/>
          </ac:picMkLst>
        </pc:picChg>
        <pc:picChg chg="del mod">
          <ac:chgData name="Joseph Guzman" userId="S::joseph.guzman@student.csulb.edu::17ccc4ac-b72a-4c03-9511-790abe281be7" providerId="AD" clId="Web-{F1515BB9-18FA-E683-6790-E4A7604EB669}" dt="2024-10-06T07:52:55.917" v="406"/>
          <ac:picMkLst>
            <pc:docMk/>
            <pc:sldMk cId="2804879295" sldId="291"/>
            <ac:picMk id="8" creationId="{5E01A369-7293-6754-64C1-AEA0397353EA}"/>
          </ac:picMkLst>
        </pc:picChg>
        <pc:picChg chg="add mod ord modCrop">
          <ac:chgData name="Joseph Guzman" userId="S::joseph.guzman@student.csulb.edu::17ccc4ac-b72a-4c03-9511-790abe281be7" providerId="AD" clId="Web-{F1515BB9-18FA-E683-6790-E4A7604EB669}" dt="2024-10-06T06:21:15.276" v="185" actId="1076"/>
          <ac:picMkLst>
            <pc:docMk/>
            <pc:sldMk cId="2804879295" sldId="291"/>
            <ac:picMk id="9" creationId="{031D518B-E500-64E6-2119-B25FB96007AA}"/>
          </ac:picMkLst>
        </pc:picChg>
        <pc:picChg chg="del mod modCrop">
          <ac:chgData name="Joseph Guzman" userId="S::joseph.guzman@student.csulb.edu::17ccc4ac-b72a-4c03-9511-790abe281be7" providerId="AD" clId="Web-{F1515BB9-18FA-E683-6790-E4A7604EB669}" dt="2024-10-06T06:17:20.676" v="131"/>
          <ac:picMkLst>
            <pc:docMk/>
            <pc:sldMk cId="2804879295" sldId="291"/>
            <ac:picMk id="9" creationId="{36131648-F1E2-2D04-E9AC-22015DA6BB98}"/>
          </ac:picMkLst>
        </pc:picChg>
        <pc:picChg chg="add mod modCrop">
          <ac:chgData name="Joseph Guzman" userId="S::joseph.guzman@student.csulb.edu::17ccc4ac-b72a-4c03-9511-790abe281be7" providerId="AD" clId="Web-{F1515BB9-18FA-E683-6790-E4A7604EB669}" dt="2024-10-06T06:11:33.023" v="83" actId="688"/>
          <ac:picMkLst>
            <pc:docMk/>
            <pc:sldMk cId="2804879295" sldId="291"/>
            <ac:picMk id="9" creationId="{860A55EF-32F5-F66D-51E0-90683D7D8634}"/>
          </ac:picMkLst>
        </pc:picChg>
        <pc:picChg chg="add del mod">
          <ac:chgData name="Joseph Guzman" userId="S::joseph.guzman@student.csulb.edu::17ccc4ac-b72a-4c03-9511-790abe281be7" providerId="AD" clId="Web-{F1515BB9-18FA-E683-6790-E4A7604EB669}" dt="2024-10-06T06:12:44.826" v="88"/>
          <ac:picMkLst>
            <pc:docMk/>
            <pc:sldMk cId="2804879295" sldId="291"/>
            <ac:picMk id="10" creationId="{5B3900D5-C3F8-B324-A811-FF0021B40CBA}"/>
          </ac:picMkLst>
        </pc:picChg>
        <pc:picChg chg="del mod">
          <ac:chgData name="Joseph Guzman" userId="S::joseph.guzman@student.csulb.edu::17ccc4ac-b72a-4c03-9511-790abe281be7" providerId="AD" clId="Web-{F1515BB9-18FA-E683-6790-E4A7604EB669}" dt="2024-10-06T07:53:57.936" v="412"/>
          <ac:picMkLst>
            <pc:docMk/>
            <pc:sldMk cId="2804879295" sldId="291"/>
            <ac:picMk id="11" creationId="{BD0BDDC7-DF56-956D-9C5E-E4D37257340D}"/>
          </ac:picMkLst>
        </pc:picChg>
        <pc:picChg chg="del mod modCrop">
          <ac:chgData name="Joseph Guzman" userId="S::joseph.guzman@student.csulb.edu::17ccc4ac-b72a-4c03-9511-790abe281be7" providerId="AD" clId="Web-{F1515BB9-18FA-E683-6790-E4A7604EB669}" dt="2024-10-06T07:58:12.222" v="425"/>
          <ac:picMkLst>
            <pc:docMk/>
            <pc:sldMk cId="2804879295" sldId="291"/>
            <ac:picMk id="12" creationId="{167930E7-D096-04C4-F0B4-A2DF8E269EF9}"/>
          </ac:picMkLst>
        </pc:picChg>
        <pc:picChg chg="add mod">
          <ac:chgData name="Joseph Guzman" userId="S::joseph.guzman@student.csulb.edu::17ccc4ac-b72a-4c03-9511-790abe281be7" providerId="AD" clId="Web-{F1515BB9-18FA-E683-6790-E4A7604EB669}" dt="2024-10-06T06:15:46.965" v="97"/>
          <ac:picMkLst>
            <pc:docMk/>
            <pc:sldMk cId="2804879295" sldId="291"/>
            <ac:picMk id="12" creationId="{36131648-F1E2-2D04-E9AC-22015DA6BB98}"/>
          </ac:picMkLst>
        </pc:picChg>
        <pc:picChg chg="add del mod modCrop">
          <ac:chgData name="Joseph Guzman" userId="S::joseph.guzman@student.csulb.edu::17ccc4ac-b72a-4c03-9511-790abe281be7" providerId="AD" clId="Web-{F1515BB9-18FA-E683-6790-E4A7604EB669}" dt="2024-10-06T06:18:36.885" v="150"/>
          <ac:picMkLst>
            <pc:docMk/>
            <pc:sldMk cId="2804879295" sldId="291"/>
            <ac:picMk id="13" creationId="{78744933-0E6C-44F8-3BAF-265F3F9224BB}"/>
          </ac:picMkLst>
        </pc:picChg>
        <pc:picChg chg="add del mod modCrop">
          <ac:chgData name="Joseph Guzman" userId="S::joseph.guzman@student.csulb.edu::17ccc4ac-b72a-4c03-9511-790abe281be7" providerId="AD" clId="Web-{F1515BB9-18FA-E683-6790-E4A7604EB669}" dt="2024-10-06T07:55:14.301" v="417"/>
          <ac:picMkLst>
            <pc:docMk/>
            <pc:sldMk cId="2804879295" sldId="291"/>
            <ac:picMk id="17" creationId="{7313ECCB-97E4-C715-3FDD-8B8B2E1073FB}"/>
          </ac:picMkLst>
        </pc:picChg>
        <pc:picChg chg="add mod modCrop">
          <ac:chgData name="Joseph Guzman" userId="S::joseph.guzman@student.csulb.edu::17ccc4ac-b72a-4c03-9511-790abe281be7" providerId="AD" clId="Web-{F1515BB9-18FA-E683-6790-E4A7604EB669}" dt="2024-10-06T08:01:29.175" v="462" actId="1076"/>
          <ac:picMkLst>
            <pc:docMk/>
            <pc:sldMk cId="2804879295" sldId="291"/>
            <ac:picMk id="22" creationId="{275176CE-D354-F188-DDD5-38EEEDA32FD5}"/>
          </ac:picMkLst>
        </pc:picChg>
        <pc:picChg chg="add del mod">
          <ac:chgData name="Joseph Guzman" userId="S::joseph.guzman@student.csulb.edu::17ccc4ac-b72a-4c03-9511-790abe281be7" providerId="AD" clId="Web-{F1515BB9-18FA-E683-6790-E4A7604EB669}" dt="2024-10-06T07:54:24.079" v="415"/>
          <ac:picMkLst>
            <pc:docMk/>
            <pc:sldMk cId="2804879295" sldId="291"/>
            <ac:picMk id="23" creationId="{D488C194-51E7-51FD-AC92-C48B7B45B617}"/>
          </ac:picMkLst>
        </pc:picChg>
        <pc:picChg chg="add mod modCrop">
          <ac:chgData name="Joseph Guzman" userId="S::joseph.guzman@student.csulb.edu::17ccc4ac-b72a-4c03-9511-790abe281be7" providerId="AD" clId="Web-{F1515BB9-18FA-E683-6790-E4A7604EB669}" dt="2024-10-06T08:00:27.405" v="455" actId="1076"/>
          <ac:picMkLst>
            <pc:docMk/>
            <pc:sldMk cId="2804879295" sldId="291"/>
            <ac:picMk id="24" creationId="{976F3ED1-37B2-0158-B7DE-DB8B6D8AC4B7}"/>
          </ac:picMkLst>
        </pc:picChg>
        <pc:picChg chg="add mod modCrop">
          <ac:chgData name="Joseph Guzman" userId="S::joseph.guzman@student.csulb.edu::17ccc4ac-b72a-4c03-9511-790abe281be7" providerId="AD" clId="Web-{F1515BB9-18FA-E683-6790-E4A7604EB669}" dt="2024-10-06T08:00:39.781" v="458" actId="1076"/>
          <ac:picMkLst>
            <pc:docMk/>
            <pc:sldMk cId="2804879295" sldId="291"/>
            <ac:picMk id="25" creationId="{0EB10AF6-BE8A-FC0A-F698-D56E3E35B8C8}"/>
          </ac:picMkLst>
        </pc:picChg>
        <pc:picChg chg="add mod modCrop">
          <ac:chgData name="Joseph Guzman" userId="S::joseph.guzman@student.csulb.edu::17ccc4ac-b72a-4c03-9511-790abe281be7" providerId="AD" clId="Web-{F1515BB9-18FA-E683-6790-E4A7604EB669}" dt="2024-10-06T08:00:42.484" v="459" actId="1076"/>
          <ac:picMkLst>
            <pc:docMk/>
            <pc:sldMk cId="2804879295" sldId="291"/>
            <ac:picMk id="26" creationId="{15BEE1CB-6D98-89D7-860E-D6F0DF3860CE}"/>
          </ac:picMkLst>
        </pc:picChg>
      </pc:sldChg>
      <pc:sldChg chg="modSp">
        <pc:chgData name="Joseph Guzman" userId="S::joseph.guzman@student.csulb.edu::17ccc4ac-b72a-4c03-9511-790abe281be7" providerId="AD" clId="Web-{F1515BB9-18FA-E683-6790-E4A7604EB669}" dt="2024-10-06T08:10:20.182" v="494" actId="20577"/>
        <pc:sldMkLst>
          <pc:docMk/>
          <pc:sldMk cId="1434196833" sldId="294"/>
        </pc:sldMkLst>
        <pc:spChg chg="mod">
          <ac:chgData name="Joseph Guzman" userId="S::joseph.guzman@student.csulb.edu::17ccc4ac-b72a-4c03-9511-790abe281be7" providerId="AD" clId="Web-{F1515BB9-18FA-E683-6790-E4A7604EB669}" dt="2024-10-06T08:08:44.504" v="488" actId="20577"/>
          <ac:spMkLst>
            <pc:docMk/>
            <pc:sldMk cId="1434196833" sldId="294"/>
            <ac:spMk id="2" creationId="{CFE75451-6A4B-484B-9ED1-353CCE25B0F4}"/>
          </ac:spMkLst>
        </pc:spChg>
        <pc:spChg chg="mod">
          <ac:chgData name="Joseph Guzman" userId="S::joseph.guzman@student.csulb.edu::17ccc4ac-b72a-4c03-9511-790abe281be7" providerId="AD" clId="Web-{F1515BB9-18FA-E683-6790-E4A7604EB669}" dt="2024-10-06T08:10:20.182" v="494" actId="20577"/>
          <ac:spMkLst>
            <pc:docMk/>
            <pc:sldMk cId="1434196833" sldId="294"/>
            <ac:spMk id="3" creationId="{54CD7046-FA41-1BC3-7E76-F611611C75A2}"/>
          </ac:spMkLst>
        </pc:spChg>
      </pc:sldChg>
    </pc:docChg>
  </pc:docChgLst>
  <pc:docChgLst>
    <pc:chgData name="Joseph Guzman" userId="S::joseph.guzman@student.csulb.edu::17ccc4ac-b72a-4c03-9511-790abe281be7" providerId="AD" clId="Web-{B2584F25-7884-7B4F-51A7-524F9392BB36}"/>
    <pc:docChg chg="modSld">
      <pc:chgData name="Joseph Guzman" userId="S::joseph.guzman@student.csulb.edu::17ccc4ac-b72a-4c03-9511-790abe281be7" providerId="AD" clId="Web-{B2584F25-7884-7B4F-51A7-524F9392BB36}" dt="2024-10-07T07:03:59.375" v="15" actId="1076"/>
      <pc:docMkLst>
        <pc:docMk/>
      </pc:docMkLst>
      <pc:sldChg chg="addSp delSp modSp">
        <pc:chgData name="Joseph Guzman" userId="S::joseph.guzman@student.csulb.edu::17ccc4ac-b72a-4c03-9511-790abe281be7" providerId="AD" clId="Web-{B2584F25-7884-7B4F-51A7-524F9392BB36}" dt="2024-10-07T07:03:59.375" v="15" actId="1076"/>
        <pc:sldMkLst>
          <pc:docMk/>
          <pc:sldMk cId="1658164610" sldId="283"/>
        </pc:sldMkLst>
        <pc:spChg chg="mod">
          <ac:chgData name="Joseph Guzman" userId="S::joseph.guzman@student.csulb.edu::17ccc4ac-b72a-4c03-9511-790abe281be7" providerId="AD" clId="Web-{B2584F25-7884-7B4F-51A7-524F9392BB36}" dt="2024-10-07T07:03:55.562" v="14" actId="14100"/>
          <ac:spMkLst>
            <pc:docMk/>
            <pc:sldMk cId="1658164610" sldId="283"/>
            <ac:spMk id="7" creationId="{42FD8667-2294-E177-44C9-CFBA75F1ADD2}"/>
          </ac:spMkLst>
        </pc:spChg>
        <pc:picChg chg="del">
          <ac:chgData name="Joseph Guzman" userId="S::joseph.guzman@student.csulb.edu::17ccc4ac-b72a-4c03-9511-790abe281be7" providerId="AD" clId="Web-{B2584F25-7884-7B4F-51A7-524F9392BB36}" dt="2024-10-07T07:03:36.592" v="0"/>
          <ac:picMkLst>
            <pc:docMk/>
            <pc:sldMk cId="1658164610" sldId="283"/>
            <ac:picMk id="2" creationId="{A1CC1D08-6289-45A2-0CC0-10EE90DEC99A}"/>
          </ac:picMkLst>
        </pc:picChg>
        <pc:picChg chg="add mod">
          <ac:chgData name="Joseph Guzman" userId="S::joseph.guzman@student.csulb.edu::17ccc4ac-b72a-4c03-9511-790abe281be7" providerId="AD" clId="Web-{B2584F25-7884-7B4F-51A7-524F9392BB36}" dt="2024-10-07T07:03:59.375" v="15" actId="1076"/>
          <ac:picMkLst>
            <pc:docMk/>
            <pc:sldMk cId="1658164610" sldId="283"/>
            <ac:picMk id="3" creationId="{0B728737-4129-9ED0-C571-992D05B55D02}"/>
          </ac:picMkLst>
        </pc:picChg>
      </pc:sldChg>
    </pc:docChg>
  </pc:docChgLst>
  <pc:docChgLst>
    <pc:chgData name="Joseph Guzman" userId="S::joseph.guzman@student.csulb.edu::17ccc4ac-b72a-4c03-9511-790abe281be7" providerId="AD" clId="Web-{017A12D1-4771-B46A-4EA7-31EA26D3BDF6}"/>
    <pc:docChg chg="modSld">
      <pc:chgData name="Joseph Guzman" userId="S::joseph.guzman@student.csulb.edu::17ccc4ac-b72a-4c03-9511-790abe281be7" providerId="AD" clId="Web-{017A12D1-4771-B46A-4EA7-31EA26D3BDF6}" dt="2024-10-05T00:15:14.181" v="333" actId="20577"/>
      <pc:docMkLst>
        <pc:docMk/>
      </pc:docMkLst>
      <pc:sldChg chg="modSp">
        <pc:chgData name="Joseph Guzman" userId="S::joseph.guzman@student.csulb.edu::17ccc4ac-b72a-4c03-9511-790abe281be7" providerId="AD" clId="Web-{017A12D1-4771-B46A-4EA7-31EA26D3BDF6}" dt="2024-10-05T00:15:14.181" v="333" actId="20577"/>
        <pc:sldMkLst>
          <pc:docMk/>
          <pc:sldMk cId="212836177" sldId="289"/>
        </pc:sldMkLst>
        <pc:spChg chg="mod">
          <ac:chgData name="Joseph Guzman" userId="S::joseph.guzman@student.csulb.edu::17ccc4ac-b72a-4c03-9511-790abe281be7" providerId="AD" clId="Web-{017A12D1-4771-B46A-4EA7-31EA26D3BDF6}" dt="2024-10-05T00:15:14.181" v="333" actId="20577"/>
          <ac:spMkLst>
            <pc:docMk/>
            <pc:sldMk cId="212836177" sldId="289"/>
            <ac:spMk id="16" creationId="{643FCF67-F77E-F85B-D12A-D5EA4CFC907B}"/>
          </ac:spMkLst>
        </pc:spChg>
      </pc:sldChg>
    </pc:docChg>
  </pc:docChgLst>
  <pc:docChgLst>
    <pc:chgData name="Jeremy Espiritu" userId="S::jeremy.espiritu01@student.csulb.edu::3ddd224a-0f79-4347-b29a-3363c0b2c8d6" providerId="AD" clId="Web-{F86D2628-05A0-5F4E-734B-A1C3ADEE46E6}"/>
    <pc:docChg chg="modSld">
      <pc:chgData name="Jeremy Espiritu" userId="S::jeremy.espiritu01@student.csulb.edu::3ddd224a-0f79-4347-b29a-3363c0b2c8d6" providerId="AD" clId="Web-{F86D2628-05A0-5F4E-734B-A1C3ADEE46E6}" dt="2024-10-07T02:46:09.310" v="13" actId="1076"/>
      <pc:docMkLst>
        <pc:docMk/>
      </pc:docMkLst>
      <pc:sldChg chg="modSp">
        <pc:chgData name="Jeremy Espiritu" userId="S::jeremy.espiritu01@student.csulb.edu::3ddd224a-0f79-4347-b29a-3363c0b2c8d6" providerId="AD" clId="Web-{F86D2628-05A0-5F4E-734B-A1C3ADEE46E6}" dt="2024-10-07T02:46:09.310" v="13" actId="1076"/>
        <pc:sldMkLst>
          <pc:docMk/>
          <pc:sldMk cId="3571516367" sldId="258"/>
        </pc:sldMkLst>
        <pc:spChg chg="mod">
          <ac:chgData name="Jeremy Espiritu" userId="S::jeremy.espiritu01@student.csulb.edu::3ddd224a-0f79-4347-b29a-3363c0b2c8d6" providerId="AD" clId="Web-{F86D2628-05A0-5F4E-734B-A1C3ADEE46E6}" dt="2024-10-07T02:46:09.310" v="13" actId="1076"/>
          <ac:spMkLst>
            <pc:docMk/>
            <pc:sldMk cId="3571516367" sldId="258"/>
            <ac:spMk id="3" creationId="{9D5232F9-FD00-464A-9F17-619C91AEF8F3}"/>
          </ac:spMkLst>
        </pc:spChg>
      </pc:sldChg>
    </pc:docChg>
  </pc:docChgLst>
  <pc:docChgLst>
    <pc:chgData name="Joseph Guzman" userId="S::joseph.guzman@student.csulb.edu::17ccc4ac-b72a-4c03-9511-790abe281be7" providerId="AD" clId="Web-{4F7F8A3E-12F1-F369-7D3E-CDF3EF6186F6}"/>
    <pc:docChg chg="modSld">
      <pc:chgData name="Joseph Guzman" userId="S::joseph.guzman@student.csulb.edu::17ccc4ac-b72a-4c03-9511-790abe281be7" providerId="AD" clId="Web-{4F7F8A3E-12F1-F369-7D3E-CDF3EF6186F6}" dt="2024-10-08T01:49:04.421" v="134" actId="1076"/>
      <pc:docMkLst>
        <pc:docMk/>
      </pc:docMkLst>
      <pc:sldChg chg="modSp">
        <pc:chgData name="Joseph Guzman" userId="S::joseph.guzman@student.csulb.edu::17ccc4ac-b72a-4c03-9511-790abe281be7" providerId="AD" clId="Web-{4F7F8A3E-12F1-F369-7D3E-CDF3EF6186F6}" dt="2024-10-08T01:17:06.762" v="88" actId="20577"/>
        <pc:sldMkLst>
          <pc:docMk/>
          <pc:sldMk cId="2241459136" sldId="279"/>
        </pc:sldMkLst>
        <pc:spChg chg="mod">
          <ac:chgData name="Joseph Guzman" userId="S::joseph.guzman@student.csulb.edu::17ccc4ac-b72a-4c03-9511-790abe281be7" providerId="AD" clId="Web-{4F7F8A3E-12F1-F369-7D3E-CDF3EF6186F6}" dt="2024-10-08T01:17:06.762" v="88" actId="20577"/>
          <ac:spMkLst>
            <pc:docMk/>
            <pc:sldMk cId="2241459136" sldId="279"/>
            <ac:spMk id="19" creationId="{6BFE5DD5-846D-0BA9-3FDB-115ACAB56339}"/>
          </ac:spMkLst>
        </pc:spChg>
      </pc:sldChg>
      <pc:sldChg chg="modSp">
        <pc:chgData name="Joseph Guzman" userId="S::joseph.guzman@student.csulb.edu::17ccc4ac-b72a-4c03-9511-790abe281be7" providerId="AD" clId="Web-{4F7F8A3E-12F1-F369-7D3E-CDF3EF6186F6}" dt="2024-10-08T01:35:55.857" v="97" actId="20577"/>
        <pc:sldMkLst>
          <pc:docMk/>
          <pc:sldMk cId="2898855606" sldId="287"/>
        </pc:sldMkLst>
        <pc:spChg chg="mod">
          <ac:chgData name="Joseph Guzman" userId="S::joseph.guzman@student.csulb.edu::17ccc4ac-b72a-4c03-9511-790abe281be7" providerId="AD" clId="Web-{4F7F8A3E-12F1-F369-7D3E-CDF3EF6186F6}" dt="2024-10-08T01:35:55.857" v="97" actId="20577"/>
          <ac:spMkLst>
            <pc:docMk/>
            <pc:sldMk cId="2898855606" sldId="287"/>
            <ac:spMk id="31" creationId="{DDF40877-7C86-6F12-4C8A-5F56CB5BB1C7}"/>
          </ac:spMkLst>
        </pc:spChg>
      </pc:sldChg>
      <pc:sldChg chg="delSp modSp">
        <pc:chgData name="Joseph Guzman" userId="S::joseph.guzman@student.csulb.edu::17ccc4ac-b72a-4c03-9511-790abe281be7" providerId="AD" clId="Web-{4F7F8A3E-12F1-F369-7D3E-CDF3EF6186F6}" dt="2024-10-08T01:49:04.421" v="134" actId="1076"/>
        <pc:sldMkLst>
          <pc:docMk/>
          <pc:sldMk cId="4033687353" sldId="296"/>
        </pc:sldMkLst>
        <pc:spChg chg="mod">
          <ac:chgData name="Joseph Guzman" userId="S::joseph.guzman@student.csulb.edu::17ccc4ac-b72a-4c03-9511-790abe281be7" providerId="AD" clId="Web-{4F7F8A3E-12F1-F369-7D3E-CDF3EF6186F6}" dt="2024-10-08T01:49:04.187" v="120" actId="1076"/>
          <ac:spMkLst>
            <pc:docMk/>
            <pc:sldMk cId="4033687353" sldId="296"/>
            <ac:spMk id="59" creationId="{7FD052F9-EA41-F2B4-C27E-A870825306EF}"/>
          </ac:spMkLst>
        </pc:spChg>
        <pc:spChg chg="mod">
          <ac:chgData name="Joseph Guzman" userId="S::joseph.guzman@student.csulb.edu::17ccc4ac-b72a-4c03-9511-790abe281be7" providerId="AD" clId="Web-{4F7F8A3E-12F1-F369-7D3E-CDF3EF6186F6}" dt="2024-10-08T01:49:04.281" v="125" actId="1076"/>
          <ac:spMkLst>
            <pc:docMk/>
            <pc:sldMk cId="4033687353" sldId="296"/>
            <ac:spMk id="66" creationId="{321BD7F7-ACAB-BB45-F9BB-5AE975EB3E71}"/>
          </ac:spMkLst>
        </pc:spChg>
        <pc:spChg chg="mod">
          <ac:chgData name="Joseph Guzman" userId="S::joseph.guzman@student.csulb.edu::17ccc4ac-b72a-4c03-9511-790abe281be7" providerId="AD" clId="Web-{4F7F8A3E-12F1-F369-7D3E-CDF3EF6186F6}" dt="2024-10-08T01:49:04.296" v="126" actId="1076"/>
          <ac:spMkLst>
            <pc:docMk/>
            <pc:sldMk cId="4033687353" sldId="296"/>
            <ac:spMk id="68" creationId="{C6A1C4F3-62C6-5667-2EF7-04B8A9D4BEAA}"/>
          </ac:spMkLst>
        </pc:spChg>
        <pc:spChg chg="mod">
          <ac:chgData name="Joseph Guzman" userId="S::joseph.guzman@student.csulb.edu::17ccc4ac-b72a-4c03-9511-790abe281be7" providerId="AD" clId="Web-{4F7F8A3E-12F1-F369-7D3E-CDF3EF6186F6}" dt="2024-10-08T01:49:04.218" v="121" actId="1076"/>
          <ac:spMkLst>
            <pc:docMk/>
            <pc:sldMk cId="4033687353" sldId="296"/>
            <ac:spMk id="70" creationId="{1B6822FE-DCC9-4947-E79F-7D88FF1CE4F9}"/>
          </ac:spMkLst>
        </pc:spChg>
        <pc:spChg chg="mod">
          <ac:chgData name="Joseph Guzman" userId="S::joseph.guzman@student.csulb.edu::17ccc4ac-b72a-4c03-9511-790abe281be7" providerId="AD" clId="Web-{4F7F8A3E-12F1-F369-7D3E-CDF3EF6186F6}" dt="2024-10-08T01:49:04.312" v="127" actId="1076"/>
          <ac:spMkLst>
            <pc:docMk/>
            <pc:sldMk cId="4033687353" sldId="296"/>
            <ac:spMk id="75" creationId="{21D197DF-1170-90E8-B7AC-2690DBF9F10A}"/>
          </ac:spMkLst>
        </pc:spChg>
        <pc:spChg chg="mod">
          <ac:chgData name="Joseph Guzman" userId="S::joseph.guzman@student.csulb.edu::17ccc4ac-b72a-4c03-9511-790abe281be7" providerId="AD" clId="Web-{4F7F8A3E-12F1-F369-7D3E-CDF3EF6186F6}" dt="2024-10-08T01:49:04.327" v="128" actId="1076"/>
          <ac:spMkLst>
            <pc:docMk/>
            <pc:sldMk cId="4033687353" sldId="296"/>
            <ac:spMk id="76" creationId="{8275F9DC-3C54-7A02-1BC1-D92420D46097}"/>
          </ac:spMkLst>
        </pc:spChg>
        <pc:spChg chg="mod">
          <ac:chgData name="Joseph Guzman" userId="S::joseph.guzman@student.csulb.edu::17ccc4ac-b72a-4c03-9511-790abe281be7" providerId="AD" clId="Web-{4F7F8A3E-12F1-F369-7D3E-CDF3EF6186F6}" dt="2024-10-08T01:49:04.234" v="122" actId="1076"/>
          <ac:spMkLst>
            <pc:docMk/>
            <pc:sldMk cId="4033687353" sldId="296"/>
            <ac:spMk id="78" creationId="{9091B29F-C070-5733-D9DC-686DBDAD04AE}"/>
          </ac:spMkLst>
        </pc:spChg>
        <pc:spChg chg="mod">
          <ac:chgData name="Joseph Guzman" userId="S::joseph.guzman@student.csulb.edu::17ccc4ac-b72a-4c03-9511-790abe281be7" providerId="AD" clId="Web-{4F7F8A3E-12F1-F369-7D3E-CDF3EF6186F6}" dt="2024-10-08T01:49:04.343" v="129" actId="1076"/>
          <ac:spMkLst>
            <pc:docMk/>
            <pc:sldMk cId="4033687353" sldId="296"/>
            <ac:spMk id="83" creationId="{1DC0D52A-D968-72D4-D820-106B384884B7}"/>
          </ac:spMkLst>
        </pc:spChg>
        <pc:spChg chg="mod">
          <ac:chgData name="Joseph Guzman" userId="S::joseph.guzman@student.csulb.edu::17ccc4ac-b72a-4c03-9511-790abe281be7" providerId="AD" clId="Web-{4F7F8A3E-12F1-F369-7D3E-CDF3EF6186F6}" dt="2024-10-08T01:49:04.359" v="130" actId="1076"/>
          <ac:spMkLst>
            <pc:docMk/>
            <pc:sldMk cId="4033687353" sldId="296"/>
            <ac:spMk id="84" creationId="{3563B3A2-5A8C-6CFF-910B-D277DD3C0A55}"/>
          </ac:spMkLst>
        </pc:spChg>
        <pc:spChg chg="mod">
          <ac:chgData name="Joseph Guzman" userId="S::joseph.guzman@student.csulb.edu::17ccc4ac-b72a-4c03-9511-790abe281be7" providerId="AD" clId="Web-{4F7F8A3E-12F1-F369-7D3E-CDF3EF6186F6}" dt="2024-10-08T01:48:50.077" v="117" actId="1076"/>
          <ac:spMkLst>
            <pc:docMk/>
            <pc:sldMk cId="4033687353" sldId="296"/>
            <ac:spMk id="86" creationId="{04F635B4-0939-EE55-1724-35A88DF6E4BB}"/>
          </ac:spMkLst>
        </pc:spChg>
        <pc:spChg chg="mod">
          <ac:chgData name="Joseph Guzman" userId="S::joseph.guzman@student.csulb.edu::17ccc4ac-b72a-4c03-9511-790abe281be7" providerId="AD" clId="Web-{4F7F8A3E-12F1-F369-7D3E-CDF3EF6186F6}" dt="2024-10-08T01:48:57.593" v="119" actId="1076"/>
          <ac:spMkLst>
            <pc:docMk/>
            <pc:sldMk cId="4033687353" sldId="296"/>
            <ac:spMk id="91" creationId="{D658B147-D032-16CF-DC2C-017866E9AD1C}"/>
          </ac:spMkLst>
        </pc:spChg>
        <pc:spChg chg="mod">
          <ac:chgData name="Joseph Guzman" userId="S::joseph.guzman@student.csulb.edu::17ccc4ac-b72a-4c03-9511-790abe281be7" providerId="AD" clId="Web-{4F7F8A3E-12F1-F369-7D3E-CDF3EF6186F6}" dt="2024-10-08T01:48:53.811" v="118" actId="1076"/>
          <ac:spMkLst>
            <pc:docMk/>
            <pc:sldMk cId="4033687353" sldId="296"/>
            <ac:spMk id="92" creationId="{30119504-9DAD-A0F5-B665-F5DEAD064C99}"/>
          </ac:spMkLst>
        </pc:spChg>
        <pc:spChg chg="mod">
          <ac:chgData name="Joseph Guzman" userId="S::joseph.guzman@student.csulb.edu::17ccc4ac-b72a-4c03-9511-790abe281be7" providerId="AD" clId="Web-{4F7F8A3E-12F1-F369-7D3E-CDF3EF6186F6}" dt="2024-10-08T01:49:04.249" v="123" actId="1076"/>
          <ac:spMkLst>
            <pc:docMk/>
            <pc:sldMk cId="4033687353" sldId="296"/>
            <ac:spMk id="110" creationId="{1C62771E-5CDB-17E5-C5AD-36F63A95DBED}"/>
          </ac:spMkLst>
        </pc:spChg>
        <pc:spChg chg="mod">
          <ac:chgData name="Joseph Guzman" userId="S::joseph.guzman@student.csulb.edu::17ccc4ac-b72a-4c03-9511-790abe281be7" providerId="AD" clId="Web-{4F7F8A3E-12F1-F369-7D3E-CDF3EF6186F6}" dt="2024-10-08T01:49:04.374" v="131" actId="1076"/>
          <ac:spMkLst>
            <pc:docMk/>
            <pc:sldMk cId="4033687353" sldId="296"/>
            <ac:spMk id="115" creationId="{CF72461D-A1C7-F505-4FB0-899E196994AB}"/>
          </ac:spMkLst>
        </pc:spChg>
        <pc:spChg chg="mod">
          <ac:chgData name="Joseph Guzman" userId="S::joseph.guzman@student.csulb.edu::17ccc4ac-b72a-4c03-9511-790abe281be7" providerId="AD" clId="Web-{4F7F8A3E-12F1-F369-7D3E-CDF3EF6186F6}" dt="2024-10-08T01:49:04.390" v="132" actId="1076"/>
          <ac:spMkLst>
            <pc:docMk/>
            <pc:sldMk cId="4033687353" sldId="296"/>
            <ac:spMk id="116" creationId="{E0552BEE-6CDE-C92B-08AA-9CE5A6FDBAA2}"/>
          </ac:spMkLst>
        </pc:spChg>
        <pc:spChg chg="mod">
          <ac:chgData name="Joseph Guzman" userId="S::joseph.guzman@student.csulb.edu::17ccc4ac-b72a-4c03-9511-790abe281be7" providerId="AD" clId="Web-{4F7F8A3E-12F1-F369-7D3E-CDF3EF6186F6}" dt="2024-10-08T01:49:04.265" v="124" actId="1076"/>
          <ac:spMkLst>
            <pc:docMk/>
            <pc:sldMk cId="4033687353" sldId="296"/>
            <ac:spMk id="118" creationId="{DADE5E20-CF49-9598-1E1B-69332851239F}"/>
          </ac:spMkLst>
        </pc:spChg>
        <pc:spChg chg="mod">
          <ac:chgData name="Joseph Guzman" userId="S::joseph.guzman@student.csulb.edu::17ccc4ac-b72a-4c03-9511-790abe281be7" providerId="AD" clId="Web-{4F7F8A3E-12F1-F369-7D3E-CDF3EF6186F6}" dt="2024-10-08T01:49:04.406" v="133" actId="1076"/>
          <ac:spMkLst>
            <pc:docMk/>
            <pc:sldMk cId="4033687353" sldId="296"/>
            <ac:spMk id="123" creationId="{9945BAF0-D437-2CE0-4BF4-3AC764DD2578}"/>
          </ac:spMkLst>
        </pc:spChg>
        <pc:spChg chg="mod">
          <ac:chgData name="Joseph Guzman" userId="S::joseph.guzman@student.csulb.edu::17ccc4ac-b72a-4c03-9511-790abe281be7" providerId="AD" clId="Web-{4F7F8A3E-12F1-F369-7D3E-CDF3EF6186F6}" dt="2024-10-08T01:49:04.421" v="134" actId="1076"/>
          <ac:spMkLst>
            <pc:docMk/>
            <pc:sldMk cId="4033687353" sldId="296"/>
            <ac:spMk id="124" creationId="{B5C1591D-FC6C-FB8C-C3A1-952BB6A86B54}"/>
          </ac:spMkLst>
        </pc:spChg>
        <pc:spChg chg="del mod">
          <ac:chgData name="Joseph Guzman" userId="S::joseph.guzman@student.csulb.edu::17ccc4ac-b72a-4c03-9511-790abe281be7" providerId="AD" clId="Web-{4F7F8A3E-12F1-F369-7D3E-CDF3EF6186F6}" dt="2024-10-08T01:48:46.280" v="116"/>
          <ac:spMkLst>
            <pc:docMk/>
            <pc:sldMk cId="4033687353" sldId="296"/>
            <ac:spMk id="127" creationId="{1661F37E-5F01-7811-2F41-7CE54052087F}"/>
          </ac:spMkLst>
        </pc:spChg>
        <pc:spChg chg="del mod">
          <ac:chgData name="Joseph Guzman" userId="S::joseph.guzman@student.csulb.edu::17ccc4ac-b72a-4c03-9511-790abe281be7" providerId="AD" clId="Web-{4F7F8A3E-12F1-F369-7D3E-CDF3EF6186F6}" dt="2024-10-08T01:48:42.311" v="114"/>
          <ac:spMkLst>
            <pc:docMk/>
            <pc:sldMk cId="4033687353" sldId="296"/>
            <ac:spMk id="128" creationId="{953E0554-383C-2922-DBBB-7C16372582F6}"/>
          </ac:spMkLst>
        </pc:spChg>
        <pc:cxnChg chg="del">
          <ac:chgData name="Joseph Guzman" userId="S::joseph.guzman@student.csulb.edu::17ccc4ac-b72a-4c03-9511-790abe281be7" providerId="AD" clId="Web-{4F7F8A3E-12F1-F369-7D3E-CDF3EF6186F6}" dt="2024-10-08T01:48:40.280" v="112"/>
          <ac:cxnSpMkLst>
            <pc:docMk/>
            <pc:sldMk cId="4033687353" sldId="296"/>
            <ac:cxnSpMk id="126" creationId="{44641615-4AD8-28CC-A5ED-AD1D4259F29D}"/>
          </ac:cxnSpMkLst>
        </pc:cxnChg>
      </pc:sldChg>
    </pc:docChg>
  </pc:docChgLst>
  <pc:docChgLst>
    <pc:chgData name="Jonathan Cerniaz" userId="3b628a21-462a-4b55-bac2-0c5dbb20dd63" providerId="ADAL" clId="{0994097A-8A61-45A7-B827-345CF4A35BA6}"/>
    <pc:docChg chg="undo custSel addSld delSld modSld sldOrd">
      <pc:chgData name="Jonathan Cerniaz" userId="3b628a21-462a-4b55-bac2-0c5dbb20dd63" providerId="ADAL" clId="{0994097A-8A61-45A7-B827-345CF4A35BA6}" dt="2024-10-08T02:51:28.552" v="7269"/>
      <pc:docMkLst>
        <pc:docMk/>
      </pc:docMkLst>
      <pc:sldChg chg="addSp delSp modSp mod">
        <pc:chgData name="Jonathan Cerniaz" userId="3b628a21-462a-4b55-bac2-0c5dbb20dd63" providerId="ADAL" clId="{0994097A-8A61-45A7-B827-345CF4A35BA6}" dt="2024-09-30T21:52:48.575" v="420"/>
        <pc:sldMkLst>
          <pc:docMk/>
          <pc:sldMk cId="2586058810" sldId="256"/>
        </pc:sldMkLst>
        <pc:spChg chg="mod">
          <ac:chgData name="Jonathan Cerniaz" userId="3b628a21-462a-4b55-bac2-0c5dbb20dd63" providerId="ADAL" clId="{0994097A-8A61-45A7-B827-345CF4A35BA6}" dt="2024-09-30T21:52:45.565" v="413" actId="1076"/>
          <ac:spMkLst>
            <pc:docMk/>
            <pc:sldMk cId="2586058810" sldId="256"/>
            <ac:spMk id="2" creationId="{CFE75451-6A4B-484B-9ED1-353CCE25B0F4}"/>
          </ac:spMkLst>
        </pc:spChg>
        <pc:spChg chg="mod">
          <ac:chgData name="Jonathan Cerniaz" userId="3b628a21-462a-4b55-bac2-0c5dbb20dd63" providerId="ADAL" clId="{0994097A-8A61-45A7-B827-345CF4A35BA6}" dt="2024-09-30T21:52:45.246" v="412" actId="1076"/>
          <ac:spMkLst>
            <pc:docMk/>
            <pc:sldMk cId="2586058810" sldId="256"/>
            <ac:spMk id="3" creationId="{BF2E361B-DEE4-1373-6E81-79CF651440BC}"/>
          </ac:spMkLst>
        </pc:spChg>
        <pc:spChg chg="del mod">
          <ac:chgData name="Jonathan Cerniaz" userId="3b628a21-462a-4b55-bac2-0c5dbb20dd63" providerId="ADAL" clId="{0994097A-8A61-45A7-B827-345CF4A35BA6}" dt="2024-09-30T21:25:50.904" v="15" actId="478"/>
          <ac:spMkLst>
            <pc:docMk/>
            <pc:sldMk cId="2586058810" sldId="256"/>
            <ac:spMk id="4" creationId="{ACC3DC37-FCB3-EFEF-C54E-2FB6FE457B7C}"/>
          </ac:spMkLst>
        </pc:spChg>
        <pc:spChg chg="add mod">
          <ac:chgData name="Jonathan Cerniaz" userId="3b628a21-462a-4b55-bac2-0c5dbb20dd63" providerId="ADAL" clId="{0994097A-8A61-45A7-B827-345CF4A35BA6}" dt="2024-09-30T21:52:48.575" v="420"/>
          <ac:spMkLst>
            <pc:docMk/>
            <pc:sldMk cId="2586058810" sldId="256"/>
            <ac:spMk id="5" creationId="{04EF0385-DC3F-34AB-D15B-D34844DE216B}"/>
          </ac:spMkLst>
        </pc:spChg>
      </pc:sldChg>
      <pc:sldChg chg="addSp delSp modSp mod ord">
        <pc:chgData name="Jonathan Cerniaz" userId="3b628a21-462a-4b55-bac2-0c5dbb20dd63" providerId="ADAL" clId="{0994097A-8A61-45A7-B827-345CF4A35BA6}" dt="2024-09-30T21:47:24.730" v="325" actId="20577"/>
        <pc:sldMkLst>
          <pc:docMk/>
          <pc:sldMk cId="1713219598" sldId="257"/>
        </pc:sldMkLst>
        <pc:spChg chg="del mod">
          <ac:chgData name="Jonathan Cerniaz" userId="3b628a21-462a-4b55-bac2-0c5dbb20dd63" providerId="ADAL" clId="{0994097A-8A61-45A7-B827-345CF4A35BA6}" dt="2024-09-30T21:41:45.696" v="239" actId="478"/>
          <ac:spMkLst>
            <pc:docMk/>
            <pc:sldMk cId="1713219598" sldId="257"/>
            <ac:spMk id="2" creationId="{1BEF5859-10C9-4588-9727-B9362E26C29D}"/>
          </ac:spMkLst>
        </pc:spChg>
        <pc:spChg chg="del mod">
          <ac:chgData name="Jonathan Cerniaz" userId="3b628a21-462a-4b55-bac2-0c5dbb20dd63" providerId="ADAL" clId="{0994097A-8A61-45A7-B827-345CF4A35BA6}" dt="2024-09-30T21:27:36.550" v="26" actId="478"/>
          <ac:spMkLst>
            <pc:docMk/>
            <pc:sldMk cId="1713219598" sldId="257"/>
            <ac:spMk id="3" creationId="{5671D7E5-EF66-4BCD-8DAA-E9061157F0BE}"/>
          </ac:spMkLst>
        </pc:spChg>
        <pc:spChg chg="add mod">
          <ac:chgData name="Jonathan Cerniaz" userId="3b628a21-462a-4b55-bac2-0c5dbb20dd63" providerId="ADAL" clId="{0994097A-8A61-45A7-B827-345CF4A35BA6}" dt="2024-09-30T21:47:24.730" v="325" actId="20577"/>
          <ac:spMkLst>
            <pc:docMk/>
            <pc:sldMk cId="1713219598" sldId="257"/>
            <ac:spMk id="4" creationId="{0A27C6DA-913E-DD36-1ABB-D4B7985B248E}"/>
          </ac:spMkLst>
        </pc:spChg>
        <pc:spChg chg="add del mod">
          <ac:chgData name="Jonathan Cerniaz" userId="3b628a21-462a-4b55-bac2-0c5dbb20dd63" providerId="ADAL" clId="{0994097A-8A61-45A7-B827-345CF4A35BA6}" dt="2024-09-30T21:47:21.333" v="319" actId="478"/>
          <ac:spMkLst>
            <pc:docMk/>
            <pc:sldMk cId="1713219598" sldId="257"/>
            <ac:spMk id="6" creationId="{18031A9C-96F9-15F0-75C9-BC461ADDA0D5}"/>
          </ac:spMkLst>
        </pc:spChg>
        <pc:picChg chg="add del mod">
          <ac:chgData name="Jonathan Cerniaz" userId="3b628a21-462a-4b55-bac2-0c5dbb20dd63" providerId="ADAL" clId="{0994097A-8A61-45A7-B827-345CF4A35BA6}" dt="2024-09-30T21:41:45.696" v="239" actId="478"/>
          <ac:picMkLst>
            <pc:docMk/>
            <pc:sldMk cId="1713219598" sldId="257"/>
            <ac:picMk id="1026" creationId="{07DA5CAE-EEC3-DD39-A30A-829513E419D2}"/>
          </ac:picMkLst>
        </pc:picChg>
        <pc:picChg chg="add del mod">
          <ac:chgData name="Jonathan Cerniaz" userId="3b628a21-462a-4b55-bac2-0c5dbb20dd63" providerId="ADAL" clId="{0994097A-8A61-45A7-B827-345CF4A35BA6}" dt="2024-09-30T21:41:45.696" v="239" actId="478"/>
          <ac:picMkLst>
            <pc:docMk/>
            <pc:sldMk cId="1713219598" sldId="257"/>
            <ac:picMk id="1028" creationId="{CB863CDD-EE38-CC01-8B12-9C9F4713BC81}"/>
          </ac:picMkLst>
        </pc:picChg>
        <pc:picChg chg="add del mod">
          <ac:chgData name="Jonathan Cerniaz" userId="3b628a21-462a-4b55-bac2-0c5dbb20dd63" providerId="ADAL" clId="{0994097A-8A61-45A7-B827-345CF4A35BA6}" dt="2024-09-30T21:41:45.696" v="239" actId="478"/>
          <ac:picMkLst>
            <pc:docMk/>
            <pc:sldMk cId="1713219598" sldId="257"/>
            <ac:picMk id="1030" creationId="{F4CCBB5B-14D7-5BEE-A14E-55ABDFC6B413}"/>
          </ac:picMkLst>
        </pc:picChg>
        <pc:picChg chg="add del mod">
          <ac:chgData name="Jonathan Cerniaz" userId="3b628a21-462a-4b55-bac2-0c5dbb20dd63" providerId="ADAL" clId="{0994097A-8A61-45A7-B827-345CF4A35BA6}" dt="2024-09-30T21:41:45.696" v="239" actId="478"/>
          <ac:picMkLst>
            <pc:docMk/>
            <pc:sldMk cId="1713219598" sldId="257"/>
            <ac:picMk id="1032" creationId="{7052D0D4-C39C-E77E-3E93-63BF19A2CFC4}"/>
          </ac:picMkLst>
        </pc:picChg>
        <pc:picChg chg="add del mod">
          <ac:chgData name="Jonathan Cerniaz" userId="3b628a21-462a-4b55-bac2-0c5dbb20dd63" providerId="ADAL" clId="{0994097A-8A61-45A7-B827-345CF4A35BA6}" dt="2024-09-30T21:41:45.696" v="239" actId="478"/>
          <ac:picMkLst>
            <pc:docMk/>
            <pc:sldMk cId="1713219598" sldId="257"/>
            <ac:picMk id="1034" creationId="{F60A8464-43FE-8EBE-9B1F-892BF472A1D4}"/>
          </ac:picMkLst>
        </pc:picChg>
        <pc:picChg chg="add del mod">
          <ac:chgData name="Jonathan Cerniaz" userId="3b628a21-462a-4b55-bac2-0c5dbb20dd63" providerId="ADAL" clId="{0994097A-8A61-45A7-B827-345CF4A35BA6}" dt="2024-09-30T21:41:48.956" v="240" actId="478"/>
          <ac:picMkLst>
            <pc:docMk/>
            <pc:sldMk cId="1713219598" sldId="257"/>
            <ac:picMk id="1036" creationId="{7D42678B-4606-A485-8D17-8471C9A13D9C}"/>
          </ac:picMkLst>
        </pc:picChg>
      </pc:sldChg>
      <pc:sldChg chg="modSp mod ord">
        <pc:chgData name="Jonathan Cerniaz" userId="3b628a21-462a-4b55-bac2-0c5dbb20dd63" providerId="ADAL" clId="{0994097A-8A61-45A7-B827-345CF4A35BA6}" dt="2024-10-07T01:30:26.122" v="4839" actId="14100"/>
        <pc:sldMkLst>
          <pc:docMk/>
          <pc:sldMk cId="3571516367" sldId="258"/>
        </pc:sldMkLst>
        <pc:spChg chg="mod">
          <ac:chgData name="Jonathan Cerniaz" userId="3b628a21-462a-4b55-bac2-0c5dbb20dd63" providerId="ADAL" clId="{0994097A-8A61-45A7-B827-345CF4A35BA6}" dt="2024-09-30T22:21:21.162" v="513" actId="20577"/>
          <ac:spMkLst>
            <pc:docMk/>
            <pc:sldMk cId="3571516367" sldId="258"/>
            <ac:spMk id="2" creationId="{0A32731C-311B-46F7-A865-6C3AF6B09A47}"/>
          </ac:spMkLst>
        </pc:spChg>
        <pc:spChg chg="mod">
          <ac:chgData name="Jonathan Cerniaz" userId="3b628a21-462a-4b55-bac2-0c5dbb20dd63" providerId="ADAL" clId="{0994097A-8A61-45A7-B827-345CF4A35BA6}" dt="2024-10-07T01:30:26.122" v="4839" actId="14100"/>
          <ac:spMkLst>
            <pc:docMk/>
            <pc:sldMk cId="3571516367" sldId="258"/>
            <ac:spMk id="3" creationId="{9D5232F9-FD00-464A-9F17-619C91AEF8F3}"/>
          </ac:spMkLst>
        </pc:spChg>
      </pc:sldChg>
      <pc:sldChg chg="del">
        <pc:chgData name="Jonathan Cerniaz" userId="3b628a21-462a-4b55-bac2-0c5dbb20dd63" providerId="ADAL" clId="{0994097A-8A61-45A7-B827-345CF4A35BA6}" dt="2024-09-30T22:20:36.008" v="438" actId="2696"/>
        <pc:sldMkLst>
          <pc:docMk/>
          <pc:sldMk cId="1742861620" sldId="266"/>
        </pc:sldMkLst>
      </pc:sldChg>
      <pc:sldChg chg="addSp delSp modSp mod">
        <pc:chgData name="Jonathan Cerniaz" userId="3b628a21-462a-4b55-bac2-0c5dbb20dd63" providerId="ADAL" clId="{0994097A-8A61-45A7-B827-345CF4A35BA6}" dt="2024-10-07T01:48:38.610" v="6550"/>
        <pc:sldMkLst>
          <pc:docMk/>
          <pc:sldMk cId="1969787568" sldId="271"/>
        </pc:sldMkLst>
        <pc:spChg chg="mod">
          <ac:chgData name="Jonathan Cerniaz" userId="3b628a21-462a-4b55-bac2-0c5dbb20dd63" providerId="ADAL" clId="{0994097A-8A61-45A7-B827-345CF4A35BA6}" dt="2024-09-30T22:19:41.093" v="435" actId="1076"/>
          <ac:spMkLst>
            <pc:docMk/>
            <pc:sldMk cId="1969787568" sldId="271"/>
            <ac:spMk id="2" creationId="{8BDF1EDE-5423-435C-B149-87AB1BC22B83}"/>
          </ac:spMkLst>
        </pc:spChg>
        <pc:spChg chg="del mod">
          <ac:chgData name="Jonathan Cerniaz" userId="3b628a21-462a-4b55-bac2-0c5dbb20dd63" providerId="ADAL" clId="{0994097A-8A61-45A7-B827-345CF4A35BA6}" dt="2024-09-30T22:19:10.057" v="422" actId="478"/>
          <ac:spMkLst>
            <pc:docMk/>
            <pc:sldMk cId="1969787568" sldId="271"/>
            <ac:spMk id="3" creationId="{AF64C29E-DF30-4DC6-AB95-2016F9A703B6}"/>
          </ac:spMkLst>
        </pc:spChg>
        <pc:spChg chg="add mod">
          <ac:chgData name="Jonathan Cerniaz" userId="3b628a21-462a-4b55-bac2-0c5dbb20dd63" providerId="ADAL" clId="{0994097A-8A61-45A7-B827-345CF4A35BA6}" dt="2024-10-07T01:48:38.610" v="6550"/>
          <ac:spMkLst>
            <pc:docMk/>
            <pc:sldMk cId="1969787568" sldId="271"/>
            <ac:spMk id="4" creationId="{C355095B-767E-D1CF-A5BE-A41A62591434}"/>
          </ac:spMkLst>
        </pc:spChg>
        <pc:picChg chg="add mod">
          <ac:chgData name="Jonathan Cerniaz" userId="3b628a21-462a-4b55-bac2-0c5dbb20dd63" providerId="ADAL" clId="{0994097A-8A61-45A7-B827-345CF4A35BA6}" dt="2024-10-07T01:48:38.610" v="6550"/>
          <ac:picMkLst>
            <pc:docMk/>
            <pc:sldMk cId="1969787568" sldId="271"/>
            <ac:picMk id="3" creationId="{941370B5-B779-BDDB-03A3-068F8A9FFB28}"/>
          </ac:picMkLst>
        </pc:picChg>
      </pc:sldChg>
      <pc:sldChg chg="addSp delSp modSp del mod ord">
        <pc:chgData name="Jonathan Cerniaz" userId="3b628a21-462a-4b55-bac2-0c5dbb20dd63" providerId="ADAL" clId="{0994097A-8A61-45A7-B827-345CF4A35BA6}" dt="2024-10-08T01:14:12.093" v="6562" actId="2696"/>
        <pc:sldMkLst>
          <pc:docMk/>
          <pc:sldMk cId="608796113" sldId="278"/>
        </pc:sldMkLst>
        <pc:spChg chg="del mod">
          <ac:chgData name="Jonathan Cerniaz" userId="3b628a21-462a-4b55-bac2-0c5dbb20dd63" providerId="ADAL" clId="{0994097A-8A61-45A7-B827-345CF4A35BA6}" dt="2024-09-30T21:36:06.884" v="101" actId="478"/>
          <ac:spMkLst>
            <pc:docMk/>
            <pc:sldMk cId="608796113" sldId="278"/>
            <ac:spMk id="2" creationId="{9528DBD1-DB29-D44F-FD5A-3071BB37EF37}"/>
          </ac:spMkLst>
        </pc:spChg>
        <pc:spChg chg="add mod">
          <ac:chgData name="Jonathan Cerniaz" userId="3b628a21-462a-4b55-bac2-0c5dbb20dd63" providerId="ADAL" clId="{0994097A-8A61-45A7-B827-345CF4A35BA6}" dt="2024-09-30T22:28:17.217" v="794" actId="1076"/>
          <ac:spMkLst>
            <pc:docMk/>
            <pc:sldMk cId="608796113" sldId="278"/>
            <ac:spMk id="3" creationId="{D74BC406-1584-A7F7-A390-93AAD90F20F3}"/>
          </ac:spMkLst>
        </pc:spChg>
        <pc:spChg chg="add mod">
          <ac:chgData name="Jonathan Cerniaz" userId="3b628a21-462a-4b55-bac2-0c5dbb20dd63" providerId="ADAL" clId="{0994097A-8A61-45A7-B827-345CF4A35BA6}" dt="2024-09-30T22:27:03.437" v="786" actId="255"/>
          <ac:spMkLst>
            <pc:docMk/>
            <pc:sldMk cId="608796113" sldId="278"/>
            <ac:spMk id="10" creationId="{A7CDD1D2-9D04-3C93-0F81-BAABDCCCD453}"/>
          </ac:spMkLst>
        </pc:spChg>
        <pc:spChg chg="add mod">
          <ac:chgData name="Jonathan Cerniaz" userId="3b628a21-462a-4b55-bac2-0c5dbb20dd63" providerId="ADAL" clId="{0994097A-8A61-45A7-B827-345CF4A35BA6}" dt="2024-09-30T22:27:13.140" v="787" actId="255"/>
          <ac:spMkLst>
            <pc:docMk/>
            <pc:sldMk cId="608796113" sldId="278"/>
            <ac:spMk id="11" creationId="{B806B5B0-7B49-BF43-5F73-8A8EBEBA4FC2}"/>
          </ac:spMkLst>
        </pc:spChg>
        <pc:spChg chg="add mod">
          <ac:chgData name="Jonathan Cerniaz" userId="3b628a21-462a-4b55-bac2-0c5dbb20dd63" providerId="ADAL" clId="{0994097A-8A61-45A7-B827-345CF4A35BA6}" dt="2024-09-30T22:27:17.019" v="788" actId="255"/>
          <ac:spMkLst>
            <pc:docMk/>
            <pc:sldMk cId="608796113" sldId="278"/>
            <ac:spMk id="12" creationId="{C7E4C41A-0195-C7C2-2ED2-FC68A13136EB}"/>
          </ac:spMkLst>
        </pc:spChg>
        <pc:spChg chg="add mod">
          <ac:chgData name="Jonathan Cerniaz" userId="3b628a21-462a-4b55-bac2-0c5dbb20dd63" providerId="ADAL" clId="{0994097A-8A61-45A7-B827-345CF4A35BA6}" dt="2024-09-30T22:27:20.161" v="789" actId="255"/>
          <ac:spMkLst>
            <pc:docMk/>
            <pc:sldMk cId="608796113" sldId="278"/>
            <ac:spMk id="13" creationId="{5A6D4650-B26C-F383-8AAE-814A2264854C}"/>
          </ac:spMkLst>
        </pc:spChg>
        <pc:spChg chg="add mod">
          <ac:chgData name="Jonathan Cerniaz" userId="3b628a21-462a-4b55-bac2-0c5dbb20dd63" providerId="ADAL" clId="{0994097A-8A61-45A7-B827-345CF4A35BA6}" dt="2024-09-30T22:27:22.457" v="790" actId="255"/>
          <ac:spMkLst>
            <pc:docMk/>
            <pc:sldMk cId="608796113" sldId="278"/>
            <ac:spMk id="14" creationId="{A5DA1B6D-9A93-A065-D7C5-3E82D790824A}"/>
          </ac:spMkLst>
        </pc:spChg>
        <pc:spChg chg="add mod">
          <ac:chgData name="Jonathan Cerniaz" userId="3b628a21-462a-4b55-bac2-0c5dbb20dd63" providerId="ADAL" clId="{0994097A-8A61-45A7-B827-345CF4A35BA6}" dt="2024-09-30T22:27:33.199" v="792" actId="255"/>
          <ac:spMkLst>
            <pc:docMk/>
            <pc:sldMk cId="608796113" sldId="278"/>
            <ac:spMk id="15" creationId="{D2585015-F5E1-EA4B-9631-4DBDE810EBFA}"/>
          </ac:spMkLst>
        </pc:spChg>
        <pc:picChg chg="add mod">
          <ac:chgData name="Jonathan Cerniaz" userId="3b628a21-462a-4b55-bac2-0c5dbb20dd63" providerId="ADAL" clId="{0994097A-8A61-45A7-B827-345CF4A35BA6}" dt="2024-09-30T21:36:02.073" v="100"/>
          <ac:picMkLst>
            <pc:docMk/>
            <pc:sldMk cId="608796113" sldId="278"/>
            <ac:picMk id="4" creationId="{4974092B-9715-D4EF-FCB7-57725A0D6603}"/>
          </ac:picMkLst>
        </pc:picChg>
        <pc:picChg chg="add mod">
          <ac:chgData name="Jonathan Cerniaz" userId="3b628a21-462a-4b55-bac2-0c5dbb20dd63" providerId="ADAL" clId="{0994097A-8A61-45A7-B827-345CF4A35BA6}" dt="2024-09-30T21:36:02.073" v="100"/>
          <ac:picMkLst>
            <pc:docMk/>
            <pc:sldMk cId="608796113" sldId="278"/>
            <ac:picMk id="5" creationId="{C8D639C0-74B0-9357-1D5C-FAE821501A3C}"/>
          </ac:picMkLst>
        </pc:picChg>
        <pc:picChg chg="add mod">
          <ac:chgData name="Jonathan Cerniaz" userId="3b628a21-462a-4b55-bac2-0c5dbb20dd63" providerId="ADAL" clId="{0994097A-8A61-45A7-B827-345CF4A35BA6}" dt="2024-09-30T21:36:02.073" v="100"/>
          <ac:picMkLst>
            <pc:docMk/>
            <pc:sldMk cId="608796113" sldId="278"/>
            <ac:picMk id="6" creationId="{73455802-D3BD-7191-59D2-E3F36CAB623C}"/>
          </ac:picMkLst>
        </pc:picChg>
        <pc:picChg chg="add mod">
          <ac:chgData name="Jonathan Cerniaz" userId="3b628a21-462a-4b55-bac2-0c5dbb20dd63" providerId="ADAL" clId="{0994097A-8A61-45A7-B827-345CF4A35BA6}" dt="2024-09-30T21:36:02.073" v="100"/>
          <ac:picMkLst>
            <pc:docMk/>
            <pc:sldMk cId="608796113" sldId="278"/>
            <ac:picMk id="7" creationId="{2422A08C-F390-2E54-4458-8ED1DA6F1FD1}"/>
          </ac:picMkLst>
        </pc:picChg>
        <pc:picChg chg="add mod">
          <ac:chgData name="Jonathan Cerniaz" userId="3b628a21-462a-4b55-bac2-0c5dbb20dd63" providerId="ADAL" clId="{0994097A-8A61-45A7-B827-345CF4A35BA6}" dt="2024-09-30T21:36:02.073" v="100"/>
          <ac:picMkLst>
            <pc:docMk/>
            <pc:sldMk cId="608796113" sldId="278"/>
            <ac:picMk id="8" creationId="{900FE89D-D1A6-FD2C-6F3D-9B0CC9BC723E}"/>
          </ac:picMkLst>
        </pc:picChg>
        <pc:picChg chg="add mod">
          <ac:chgData name="Jonathan Cerniaz" userId="3b628a21-462a-4b55-bac2-0c5dbb20dd63" providerId="ADAL" clId="{0994097A-8A61-45A7-B827-345CF4A35BA6}" dt="2024-09-30T21:36:02.073" v="100"/>
          <ac:picMkLst>
            <pc:docMk/>
            <pc:sldMk cId="608796113" sldId="278"/>
            <ac:picMk id="9" creationId="{02E3C0FE-0711-D2EE-0386-8835C8598661}"/>
          </ac:picMkLst>
        </pc:picChg>
      </pc:sldChg>
      <pc:sldChg chg="addSp delSp modSp mod ord">
        <pc:chgData name="Jonathan Cerniaz" userId="3b628a21-462a-4b55-bac2-0c5dbb20dd63" providerId="ADAL" clId="{0994097A-8A61-45A7-B827-345CF4A35BA6}" dt="2024-09-30T22:39:39.016" v="861"/>
        <pc:sldMkLst>
          <pc:docMk/>
          <pc:sldMk cId="2241459136" sldId="279"/>
        </pc:sldMkLst>
        <pc:spChg chg="mod">
          <ac:chgData name="Jonathan Cerniaz" userId="3b628a21-462a-4b55-bac2-0c5dbb20dd63" providerId="ADAL" clId="{0994097A-8A61-45A7-B827-345CF4A35BA6}" dt="2024-09-30T21:50:49.596" v="368" actId="1076"/>
          <ac:spMkLst>
            <pc:docMk/>
            <pc:sldMk cId="2241459136" sldId="279"/>
            <ac:spMk id="2" creationId="{818AFA5E-469B-2BFC-9D4E-BD1EC6E48CA0}"/>
          </ac:spMkLst>
        </pc:spChg>
        <pc:spChg chg="add del mod">
          <ac:chgData name="Jonathan Cerniaz" userId="3b628a21-462a-4b55-bac2-0c5dbb20dd63" providerId="ADAL" clId="{0994097A-8A61-45A7-B827-345CF4A35BA6}" dt="2024-09-30T21:49:09.025" v="344" actId="478"/>
          <ac:spMkLst>
            <pc:docMk/>
            <pc:sldMk cId="2241459136" sldId="279"/>
            <ac:spMk id="3" creationId="{8EC884EB-37B5-7B53-FA46-87672B2A40BF}"/>
          </ac:spMkLst>
        </pc:spChg>
        <pc:picChg chg="mod">
          <ac:chgData name="Jonathan Cerniaz" userId="3b628a21-462a-4b55-bac2-0c5dbb20dd63" providerId="ADAL" clId="{0994097A-8A61-45A7-B827-345CF4A35BA6}" dt="2024-09-30T21:50:19.473" v="363" actId="1076"/>
          <ac:picMkLst>
            <pc:docMk/>
            <pc:sldMk cId="2241459136" sldId="279"/>
            <ac:picMk id="16" creationId="{448EF356-1822-E2AE-2794-322870D4C222}"/>
          </ac:picMkLst>
        </pc:picChg>
      </pc:sldChg>
      <pc:sldChg chg="del ord">
        <pc:chgData name="Jonathan Cerniaz" userId="3b628a21-462a-4b55-bac2-0c5dbb20dd63" providerId="ADAL" clId="{0994097A-8A61-45A7-B827-345CF4A35BA6}" dt="2024-09-30T22:24:47.786" v="707" actId="2696"/>
        <pc:sldMkLst>
          <pc:docMk/>
          <pc:sldMk cId="334696707" sldId="280"/>
        </pc:sldMkLst>
      </pc:sldChg>
      <pc:sldChg chg="modSp del mod">
        <pc:chgData name="Jonathan Cerniaz" userId="3b628a21-462a-4b55-bac2-0c5dbb20dd63" providerId="ADAL" clId="{0994097A-8A61-45A7-B827-345CF4A35BA6}" dt="2024-09-30T22:22:19.960" v="628" actId="2696"/>
        <pc:sldMkLst>
          <pc:docMk/>
          <pc:sldMk cId="103458723" sldId="281"/>
        </pc:sldMkLst>
        <pc:spChg chg="mod">
          <ac:chgData name="Jonathan Cerniaz" userId="3b628a21-462a-4b55-bac2-0c5dbb20dd63" providerId="ADAL" clId="{0994097A-8A61-45A7-B827-345CF4A35BA6}" dt="2024-09-30T22:21:48.247" v="538" actId="20577"/>
          <ac:spMkLst>
            <pc:docMk/>
            <pc:sldMk cId="103458723" sldId="281"/>
            <ac:spMk id="2" creationId="{A95E2E6A-35EC-1B8E-0FD7-8C67870ACA64}"/>
          </ac:spMkLst>
        </pc:spChg>
      </pc:sldChg>
      <pc:sldChg chg="modSp mod">
        <pc:chgData name="Jonathan Cerniaz" userId="3b628a21-462a-4b55-bac2-0c5dbb20dd63" providerId="ADAL" clId="{0994097A-8A61-45A7-B827-345CF4A35BA6}" dt="2024-09-30T22:22:48.876" v="640" actId="20577"/>
        <pc:sldMkLst>
          <pc:docMk/>
          <pc:sldMk cId="636929804" sldId="282"/>
        </pc:sldMkLst>
        <pc:spChg chg="mod">
          <ac:chgData name="Jonathan Cerniaz" userId="3b628a21-462a-4b55-bac2-0c5dbb20dd63" providerId="ADAL" clId="{0994097A-8A61-45A7-B827-345CF4A35BA6}" dt="2024-09-30T22:22:48.876" v="640" actId="20577"/>
          <ac:spMkLst>
            <pc:docMk/>
            <pc:sldMk cId="636929804" sldId="282"/>
            <ac:spMk id="2" creationId="{8B27D9B3-B64F-656A-0D99-161A6C0F518F}"/>
          </ac:spMkLst>
        </pc:spChg>
      </pc:sldChg>
      <pc:sldChg chg="modSp mod">
        <pc:chgData name="Jonathan Cerniaz" userId="3b628a21-462a-4b55-bac2-0c5dbb20dd63" providerId="ADAL" clId="{0994097A-8A61-45A7-B827-345CF4A35BA6}" dt="2024-10-07T21:14:28.576" v="6554" actId="20577"/>
        <pc:sldMkLst>
          <pc:docMk/>
          <pc:sldMk cId="1658164610" sldId="283"/>
        </pc:sldMkLst>
        <pc:spChg chg="mod">
          <ac:chgData name="Jonathan Cerniaz" userId="3b628a21-462a-4b55-bac2-0c5dbb20dd63" providerId="ADAL" clId="{0994097A-8A61-45A7-B827-345CF4A35BA6}" dt="2024-09-30T22:23:36.457" v="689" actId="20577"/>
          <ac:spMkLst>
            <pc:docMk/>
            <pc:sldMk cId="1658164610" sldId="283"/>
            <ac:spMk id="3" creationId="{4321055C-5E33-5D21-2A6E-21827FA88ED3}"/>
          </ac:spMkLst>
        </pc:spChg>
        <pc:spChg chg="mod">
          <ac:chgData name="Jonathan Cerniaz" userId="3b628a21-462a-4b55-bac2-0c5dbb20dd63" providerId="ADAL" clId="{0994097A-8A61-45A7-B827-345CF4A35BA6}" dt="2024-10-07T21:14:28.576" v="6554" actId="20577"/>
          <ac:spMkLst>
            <pc:docMk/>
            <pc:sldMk cId="1658164610" sldId="283"/>
            <ac:spMk id="7" creationId="{42FD8667-2294-E177-44C9-CFBA75F1ADD2}"/>
          </ac:spMkLst>
        </pc:spChg>
        <pc:picChg chg="mod">
          <ac:chgData name="Jonathan Cerniaz" userId="3b628a21-462a-4b55-bac2-0c5dbb20dd63" providerId="ADAL" clId="{0994097A-8A61-45A7-B827-345CF4A35BA6}" dt="2024-10-07T21:14:25.900" v="6553" actId="1076"/>
          <ac:picMkLst>
            <pc:docMk/>
            <pc:sldMk cId="1658164610" sldId="283"/>
            <ac:picMk id="3" creationId="{0B728737-4129-9ED0-C571-992D05B55D02}"/>
          </ac:picMkLst>
        </pc:picChg>
      </pc:sldChg>
      <pc:sldChg chg="del">
        <pc:chgData name="Jonathan Cerniaz" userId="3b628a21-462a-4b55-bac2-0c5dbb20dd63" providerId="ADAL" clId="{0994097A-8A61-45A7-B827-345CF4A35BA6}" dt="2024-09-30T22:23:23.443" v="665" actId="2696"/>
        <pc:sldMkLst>
          <pc:docMk/>
          <pc:sldMk cId="2403577982" sldId="284"/>
        </pc:sldMkLst>
      </pc:sldChg>
      <pc:sldChg chg="addSp delSp modSp del mod chgLayout">
        <pc:chgData name="Jonathan Cerniaz" userId="3b628a21-462a-4b55-bac2-0c5dbb20dd63" providerId="ADAL" clId="{0994097A-8A61-45A7-B827-345CF4A35BA6}" dt="2024-10-07T01:05:28.437" v="2389" actId="47"/>
        <pc:sldMkLst>
          <pc:docMk/>
          <pc:sldMk cId="2791821786" sldId="285"/>
        </pc:sldMkLst>
        <pc:spChg chg="add del mod ord">
          <ac:chgData name="Jonathan Cerniaz" userId="3b628a21-462a-4b55-bac2-0c5dbb20dd63" providerId="ADAL" clId="{0994097A-8A61-45A7-B827-345CF4A35BA6}" dt="2024-09-30T22:24:17.390" v="691" actId="700"/>
          <ac:spMkLst>
            <pc:docMk/>
            <pc:sldMk cId="2791821786" sldId="285"/>
            <ac:spMk id="2" creationId="{DB42B5E8-F98B-5FE1-D21D-B3DBDC5B316B}"/>
          </ac:spMkLst>
        </pc:spChg>
        <pc:spChg chg="add del mod ord">
          <ac:chgData name="Jonathan Cerniaz" userId="3b628a21-462a-4b55-bac2-0c5dbb20dd63" providerId="ADAL" clId="{0994097A-8A61-45A7-B827-345CF4A35BA6}" dt="2024-09-30T22:24:17.390" v="691" actId="700"/>
          <ac:spMkLst>
            <pc:docMk/>
            <pc:sldMk cId="2791821786" sldId="285"/>
            <ac:spMk id="3" creationId="{B43B0DD7-9620-506D-4E02-E182FED4CAC4}"/>
          </ac:spMkLst>
        </pc:spChg>
        <pc:spChg chg="add del mod ord">
          <ac:chgData name="Jonathan Cerniaz" userId="3b628a21-462a-4b55-bac2-0c5dbb20dd63" providerId="ADAL" clId="{0994097A-8A61-45A7-B827-345CF4A35BA6}" dt="2024-09-30T22:24:17.390" v="691" actId="700"/>
          <ac:spMkLst>
            <pc:docMk/>
            <pc:sldMk cId="2791821786" sldId="285"/>
            <ac:spMk id="4" creationId="{95D2E3A6-2ABC-F4FB-4A2C-8B8629D8D3C6}"/>
          </ac:spMkLst>
        </pc:spChg>
        <pc:spChg chg="mod ord">
          <ac:chgData name="Jonathan Cerniaz" userId="3b628a21-462a-4b55-bac2-0c5dbb20dd63" providerId="ADAL" clId="{0994097A-8A61-45A7-B827-345CF4A35BA6}" dt="2024-09-30T22:24:17.390" v="691" actId="700"/>
          <ac:spMkLst>
            <pc:docMk/>
            <pc:sldMk cId="2791821786" sldId="285"/>
            <ac:spMk id="5" creationId="{4832B776-E386-1CF9-CC8F-2D2FF3EA7066}"/>
          </ac:spMkLst>
        </pc:spChg>
        <pc:spChg chg="mod ord">
          <ac:chgData name="Jonathan Cerniaz" userId="3b628a21-462a-4b55-bac2-0c5dbb20dd63" providerId="ADAL" clId="{0994097A-8A61-45A7-B827-345CF4A35BA6}" dt="2024-09-30T22:24:17.390" v="691" actId="700"/>
          <ac:spMkLst>
            <pc:docMk/>
            <pc:sldMk cId="2791821786" sldId="285"/>
            <ac:spMk id="8" creationId="{3E5FEE2D-79E5-4C1D-8BF7-EE619CA7039A}"/>
          </ac:spMkLst>
        </pc:spChg>
        <pc:graphicFrameChg chg="mod ord modGraphic">
          <ac:chgData name="Jonathan Cerniaz" userId="3b628a21-462a-4b55-bac2-0c5dbb20dd63" providerId="ADAL" clId="{0994097A-8A61-45A7-B827-345CF4A35BA6}" dt="2024-09-30T22:24:17.390" v="691" actId="700"/>
          <ac:graphicFrameMkLst>
            <pc:docMk/>
            <pc:sldMk cId="2791821786" sldId="285"/>
            <ac:graphicFrameMk id="13" creationId="{4A94C7BE-6E60-66F0-EFD4-2F452B0D743A}"/>
          </ac:graphicFrameMkLst>
        </pc:graphicFrameChg>
      </pc:sldChg>
      <pc:sldChg chg="modSp add del mod ord">
        <pc:chgData name="Jonathan Cerniaz" userId="3b628a21-462a-4b55-bac2-0c5dbb20dd63" providerId="ADAL" clId="{0994097A-8A61-45A7-B827-345CF4A35BA6}" dt="2024-09-30T22:25:31.205" v="743" actId="2696"/>
        <pc:sldMkLst>
          <pc:docMk/>
          <pc:sldMk cId="939823829" sldId="286"/>
        </pc:sldMkLst>
        <pc:spChg chg="mod">
          <ac:chgData name="Jonathan Cerniaz" userId="3b628a21-462a-4b55-bac2-0c5dbb20dd63" providerId="ADAL" clId="{0994097A-8A61-45A7-B827-345CF4A35BA6}" dt="2024-09-30T22:25:23.206" v="741" actId="1076"/>
          <ac:spMkLst>
            <pc:docMk/>
            <pc:sldMk cId="939823829" sldId="286"/>
            <ac:spMk id="2" creationId="{9528DBD1-DB29-D44F-FD5A-3071BB37EF37}"/>
          </ac:spMkLst>
        </pc:spChg>
      </pc:sldChg>
      <pc:sldChg chg="new del">
        <pc:chgData name="Jonathan Cerniaz" userId="3b628a21-462a-4b55-bac2-0c5dbb20dd63" providerId="ADAL" clId="{0994097A-8A61-45A7-B827-345CF4A35BA6}" dt="2024-09-30T22:20:26.936" v="437" actId="2696"/>
        <pc:sldMkLst>
          <pc:docMk/>
          <pc:sldMk cId="2712639355" sldId="287"/>
        </pc:sldMkLst>
      </pc:sldChg>
      <pc:sldChg chg="modSp add mod">
        <pc:chgData name="Jonathan Cerniaz" userId="3b628a21-462a-4b55-bac2-0c5dbb20dd63" providerId="ADAL" clId="{0994097A-8A61-45A7-B827-345CF4A35BA6}" dt="2024-09-30T22:22:15.326" v="627" actId="20577"/>
        <pc:sldMkLst>
          <pc:docMk/>
          <pc:sldMk cId="2898855606" sldId="287"/>
        </pc:sldMkLst>
        <pc:spChg chg="mod">
          <ac:chgData name="Jonathan Cerniaz" userId="3b628a21-462a-4b55-bac2-0c5dbb20dd63" providerId="ADAL" clId="{0994097A-8A61-45A7-B827-345CF4A35BA6}" dt="2024-09-30T22:22:03.127" v="583" actId="20577"/>
          <ac:spMkLst>
            <pc:docMk/>
            <pc:sldMk cId="2898855606" sldId="287"/>
            <ac:spMk id="2" creationId="{A95E2E6A-35EC-1B8E-0FD7-8C67870ACA64}"/>
          </ac:spMkLst>
        </pc:spChg>
        <pc:spChg chg="mod">
          <ac:chgData name="Jonathan Cerniaz" userId="3b628a21-462a-4b55-bac2-0c5dbb20dd63" providerId="ADAL" clId="{0994097A-8A61-45A7-B827-345CF4A35BA6}" dt="2024-09-30T22:22:07.874" v="600" actId="20577"/>
          <ac:spMkLst>
            <pc:docMk/>
            <pc:sldMk cId="2898855606" sldId="287"/>
            <ac:spMk id="12" creationId="{554B61B9-26F6-B304-92CD-03053DAAF2A8}"/>
          </ac:spMkLst>
        </pc:spChg>
        <pc:spChg chg="mod">
          <ac:chgData name="Jonathan Cerniaz" userId="3b628a21-462a-4b55-bac2-0c5dbb20dd63" providerId="ADAL" clId="{0994097A-8A61-45A7-B827-345CF4A35BA6}" dt="2024-09-30T22:22:15.326" v="627" actId="20577"/>
          <ac:spMkLst>
            <pc:docMk/>
            <pc:sldMk cId="2898855606" sldId="287"/>
            <ac:spMk id="14" creationId="{CB9F9E8B-42CD-AC26-AFC9-F1F66695693B}"/>
          </ac:spMkLst>
        </pc:spChg>
      </pc:sldChg>
      <pc:sldChg chg="addSp delSp modSp new mod">
        <pc:chgData name="Jonathan Cerniaz" userId="3b628a21-462a-4b55-bac2-0c5dbb20dd63" providerId="ADAL" clId="{0994097A-8A61-45A7-B827-345CF4A35BA6}" dt="2024-10-07T01:48:34.227" v="6549"/>
        <pc:sldMkLst>
          <pc:docMk/>
          <pc:sldMk cId="1056707939" sldId="288"/>
        </pc:sldMkLst>
        <pc:spChg chg="mod">
          <ac:chgData name="Jonathan Cerniaz" userId="3b628a21-462a-4b55-bac2-0c5dbb20dd63" providerId="ADAL" clId="{0994097A-8A61-45A7-B827-345CF4A35BA6}" dt="2024-09-30T22:24:23.974" v="705" actId="20577"/>
          <ac:spMkLst>
            <pc:docMk/>
            <pc:sldMk cId="1056707939" sldId="288"/>
            <ac:spMk id="2" creationId="{09F14C2F-3713-35FF-E9B1-120991B24374}"/>
          </ac:spMkLst>
        </pc:spChg>
        <pc:spChg chg="del">
          <ac:chgData name="Jonathan Cerniaz" userId="3b628a21-462a-4b55-bac2-0c5dbb20dd63" providerId="ADAL" clId="{0994097A-8A61-45A7-B827-345CF4A35BA6}" dt="2024-09-30T22:24:34.998" v="706" actId="478"/>
          <ac:spMkLst>
            <pc:docMk/>
            <pc:sldMk cId="1056707939" sldId="288"/>
            <ac:spMk id="3" creationId="{6846B29F-163F-FF48-DE0E-6126C0E7478F}"/>
          </ac:spMkLst>
        </pc:spChg>
        <pc:spChg chg="add mod">
          <ac:chgData name="Jonathan Cerniaz" userId="3b628a21-462a-4b55-bac2-0c5dbb20dd63" providerId="ADAL" clId="{0994097A-8A61-45A7-B827-345CF4A35BA6}" dt="2024-10-07T01:48:34.227" v="6549"/>
          <ac:spMkLst>
            <pc:docMk/>
            <pc:sldMk cId="1056707939" sldId="288"/>
            <ac:spMk id="4" creationId="{4680EE3A-3BC4-9480-9605-48D4FD81C921}"/>
          </ac:spMkLst>
        </pc:spChg>
        <pc:picChg chg="add mod">
          <ac:chgData name="Jonathan Cerniaz" userId="3b628a21-462a-4b55-bac2-0c5dbb20dd63" providerId="ADAL" clId="{0994097A-8A61-45A7-B827-345CF4A35BA6}" dt="2024-10-07T01:48:34.227" v="6549"/>
          <ac:picMkLst>
            <pc:docMk/>
            <pc:sldMk cId="1056707939" sldId="288"/>
            <ac:picMk id="2" creationId="{7C04E990-E751-8564-E753-DE66BFB94C24}"/>
          </ac:picMkLst>
        </pc:picChg>
      </pc:sldChg>
      <pc:sldChg chg="addSp delSp modSp add mod">
        <pc:chgData name="Jonathan Cerniaz" userId="3b628a21-462a-4b55-bac2-0c5dbb20dd63" providerId="ADAL" clId="{0994097A-8A61-45A7-B827-345CF4A35BA6}" dt="2024-10-01T03:17:28.514" v="868" actId="313"/>
        <pc:sldMkLst>
          <pc:docMk/>
          <pc:sldMk cId="212836177" sldId="289"/>
        </pc:sldMkLst>
        <pc:spChg chg="add mod">
          <ac:chgData name="Jonathan Cerniaz" userId="3b628a21-462a-4b55-bac2-0c5dbb20dd63" providerId="ADAL" clId="{0994097A-8A61-45A7-B827-345CF4A35BA6}" dt="2024-09-30T22:29:11.238" v="833" actId="1076"/>
          <ac:spMkLst>
            <pc:docMk/>
            <pc:sldMk cId="212836177" sldId="289"/>
            <ac:spMk id="2" creationId="{8CA77018-AC3A-AD56-6AB7-2A19F52F017D}"/>
          </ac:spMkLst>
        </pc:spChg>
        <pc:spChg chg="mod">
          <ac:chgData name="Jonathan Cerniaz" userId="3b628a21-462a-4b55-bac2-0c5dbb20dd63" providerId="ADAL" clId="{0994097A-8A61-45A7-B827-345CF4A35BA6}" dt="2024-10-01T03:17:28.514" v="868" actId="313"/>
          <ac:spMkLst>
            <pc:docMk/>
            <pc:sldMk cId="212836177" sldId="289"/>
            <ac:spMk id="3" creationId="{D74BC406-1584-A7F7-A390-93AAD90F20F3}"/>
          </ac:spMkLst>
        </pc:spChg>
        <pc:spChg chg="mod">
          <ac:chgData name="Jonathan Cerniaz" userId="3b628a21-462a-4b55-bac2-0c5dbb20dd63" providerId="ADAL" clId="{0994097A-8A61-45A7-B827-345CF4A35BA6}" dt="2024-10-01T03:17:19.682" v="867" actId="1076"/>
          <ac:spMkLst>
            <pc:docMk/>
            <pc:sldMk cId="212836177" sldId="289"/>
            <ac:spMk id="10" creationId="{A7CDD1D2-9D04-3C93-0F81-BAABDCCCD453}"/>
          </ac:spMkLst>
        </pc:spChg>
        <pc:spChg chg="mod">
          <ac:chgData name="Jonathan Cerniaz" userId="3b628a21-462a-4b55-bac2-0c5dbb20dd63" providerId="ADAL" clId="{0994097A-8A61-45A7-B827-345CF4A35BA6}" dt="2024-09-30T22:28:53.206" v="829" actId="20577"/>
          <ac:spMkLst>
            <pc:docMk/>
            <pc:sldMk cId="212836177" sldId="289"/>
            <ac:spMk id="11" creationId="{B806B5B0-7B49-BF43-5F73-8A8EBEBA4FC2}"/>
          </ac:spMkLst>
        </pc:spChg>
        <pc:spChg chg="del">
          <ac:chgData name="Jonathan Cerniaz" userId="3b628a21-462a-4b55-bac2-0c5dbb20dd63" providerId="ADAL" clId="{0994097A-8A61-45A7-B827-345CF4A35BA6}" dt="2024-09-30T22:29:05.373" v="832" actId="478"/>
          <ac:spMkLst>
            <pc:docMk/>
            <pc:sldMk cId="212836177" sldId="289"/>
            <ac:spMk id="12" creationId="{C7E4C41A-0195-C7C2-2ED2-FC68A13136EB}"/>
          </ac:spMkLst>
        </pc:spChg>
        <pc:spChg chg="del mod">
          <ac:chgData name="Jonathan Cerniaz" userId="3b628a21-462a-4b55-bac2-0c5dbb20dd63" providerId="ADAL" clId="{0994097A-8A61-45A7-B827-345CF4A35BA6}" dt="2024-09-30T22:29:23.728" v="837" actId="478"/>
          <ac:spMkLst>
            <pc:docMk/>
            <pc:sldMk cId="212836177" sldId="289"/>
            <ac:spMk id="13" creationId="{5A6D4650-B26C-F383-8AAE-814A2264854C}"/>
          </ac:spMkLst>
        </pc:spChg>
        <pc:spChg chg="mod">
          <ac:chgData name="Jonathan Cerniaz" userId="3b628a21-462a-4b55-bac2-0c5dbb20dd63" providerId="ADAL" clId="{0994097A-8A61-45A7-B827-345CF4A35BA6}" dt="2024-09-30T22:29:35.539" v="853" actId="20577"/>
          <ac:spMkLst>
            <pc:docMk/>
            <pc:sldMk cId="212836177" sldId="289"/>
            <ac:spMk id="14" creationId="{A5DA1B6D-9A93-A065-D7C5-3E82D790824A}"/>
          </ac:spMkLst>
        </pc:spChg>
        <pc:spChg chg="mod">
          <ac:chgData name="Jonathan Cerniaz" userId="3b628a21-462a-4b55-bac2-0c5dbb20dd63" providerId="ADAL" clId="{0994097A-8A61-45A7-B827-345CF4A35BA6}" dt="2024-09-30T22:29:43.059" v="859" actId="20577"/>
          <ac:spMkLst>
            <pc:docMk/>
            <pc:sldMk cId="212836177" sldId="289"/>
            <ac:spMk id="15" creationId="{D2585015-F5E1-EA4B-9631-4DBDE810EBFA}"/>
          </ac:spMkLst>
        </pc:spChg>
        <pc:spChg chg="add mod">
          <ac:chgData name="Jonathan Cerniaz" userId="3b628a21-462a-4b55-bac2-0c5dbb20dd63" providerId="ADAL" clId="{0994097A-8A61-45A7-B827-345CF4A35BA6}" dt="2024-09-30T22:29:26.842" v="838" actId="1076"/>
          <ac:spMkLst>
            <pc:docMk/>
            <pc:sldMk cId="212836177" sldId="289"/>
            <ac:spMk id="16" creationId="{643FCF67-F77E-F85B-D12A-D5EA4CFC907B}"/>
          </ac:spMkLst>
        </pc:spChg>
      </pc:sldChg>
      <pc:sldChg chg="modSp mod ord">
        <pc:chgData name="Jonathan Cerniaz" userId="3b628a21-462a-4b55-bac2-0c5dbb20dd63" providerId="ADAL" clId="{0994097A-8A61-45A7-B827-345CF4A35BA6}" dt="2024-10-08T01:15:27.020" v="6599" actId="20577"/>
        <pc:sldMkLst>
          <pc:docMk/>
          <pc:sldMk cId="2018400078" sldId="295"/>
        </pc:sldMkLst>
        <pc:spChg chg="mod">
          <ac:chgData name="Jonathan Cerniaz" userId="3b628a21-462a-4b55-bac2-0c5dbb20dd63" providerId="ADAL" clId="{0994097A-8A61-45A7-B827-345CF4A35BA6}" dt="2024-10-08T01:14:30.703" v="6572" actId="1076"/>
          <ac:spMkLst>
            <pc:docMk/>
            <pc:sldMk cId="2018400078" sldId="295"/>
            <ac:spMk id="3" creationId="{D74BC406-1584-A7F7-A390-93AAD90F20F3}"/>
          </ac:spMkLst>
        </pc:spChg>
        <pc:spChg chg="mod">
          <ac:chgData name="Jonathan Cerniaz" userId="3b628a21-462a-4b55-bac2-0c5dbb20dd63" providerId="ADAL" clId="{0994097A-8A61-45A7-B827-345CF4A35BA6}" dt="2024-10-08T01:15:27.020" v="6599" actId="20577"/>
          <ac:spMkLst>
            <pc:docMk/>
            <pc:sldMk cId="2018400078" sldId="295"/>
            <ac:spMk id="16" creationId="{C8D9FF96-0E08-02F5-01A7-1291E987476A}"/>
          </ac:spMkLst>
        </pc:spChg>
        <pc:spChg chg="mod">
          <ac:chgData name="Jonathan Cerniaz" userId="3b628a21-462a-4b55-bac2-0c5dbb20dd63" providerId="ADAL" clId="{0994097A-8A61-45A7-B827-345CF4A35BA6}" dt="2024-10-07T05:26:48.808" v="6551" actId="120"/>
          <ac:spMkLst>
            <pc:docMk/>
            <pc:sldMk cId="2018400078" sldId="295"/>
            <ac:spMk id="24" creationId="{FBFA847B-2CA0-417A-D7E9-1369EAA2FB11}"/>
          </ac:spMkLst>
        </pc:spChg>
      </pc:sldChg>
      <pc:sldChg chg="addSp delSp modSp add mod modClrScheme chgLayout">
        <pc:chgData name="Jonathan Cerniaz" userId="3b628a21-462a-4b55-bac2-0c5dbb20dd63" providerId="ADAL" clId="{0994097A-8A61-45A7-B827-345CF4A35BA6}" dt="2024-10-08T02:51:28.552" v="7269"/>
        <pc:sldMkLst>
          <pc:docMk/>
          <pc:sldMk cId="4033687353" sldId="296"/>
        </pc:sldMkLst>
        <pc:spChg chg="del mod ord">
          <ac:chgData name="Jonathan Cerniaz" userId="3b628a21-462a-4b55-bac2-0c5dbb20dd63" providerId="ADAL" clId="{0994097A-8A61-45A7-B827-345CF4A35BA6}" dt="2024-10-07T01:03:47.230" v="2378" actId="478"/>
          <ac:spMkLst>
            <pc:docMk/>
            <pc:sldMk cId="4033687353" sldId="296"/>
            <ac:spMk id="2" creationId="{B412E64E-81F7-1AC6-2182-0703D314220B}"/>
          </ac:spMkLst>
        </pc:spChg>
        <pc:spChg chg="mod ord">
          <ac:chgData name="Jonathan Cerniaz" userId="3b628a21-462a-4b55-bac2-0c5dbb20dd63" providerId="ADAL" clId="{0994097A-8A61-45A7-B827-345CF4A35BA6}" dt="2024-10-08T02:51:28.552" v="7269"/>
          <ac:spMkLst>
            <pc:docMk/>
            <pc:sldMk cId="4033687353" sldId="296"/>
            <ac:spMk id="3" creationId="{6319E859-1E8C-04C9-50C0-0CDD712739B6}"/>
          </ac:spMkLst>
        </pc:spChg>
        <pc:spChg chg="add mod ord modVis">
          <ac:chgData name="Jonathan Cerniaz" userId="3b628a21-462a-4b55-bac2-0c5dbb20dd63" providerId="ADAL" clId="{0994097A-8A61-45A7-B827-345CF4A35BA6}" dt="2024-10-08T02:51:28.523" v="7259"/>
          <ac:spMkLst>
            <pc:docMk/>
            <pc:sldMk cId="4033687353" sldId="296"/>
            <ac:spMk id="4" creationId="{2FEA7350-B338-F8C4-0000-1D030522F69F}"/>
          </ac:spMkLst>
        </pc:spChg>
        <pc:spChg chg="del mod ord">
          <ac:chgData name="Jonathan Cerniaz" userId="3b628a21-462a-4b55-bac2-0c5dbb20dd63" providerId="ADAL" clId="{0994097A-8A61-45A7-B827-345CF4A35BA6}" dt="2024-10-07T01:03:48.832" v="2379" actId="478"/>
          <ac:spMkLst>
            <pc:docMk/>
            <pc:sldMk cId="4033687353" sldId="296"/>
            <ac:spMk id="4" creationId="{77C8483C-2084-A8A9-442F-164A3C65E13A}"/>
          </ac:spMkLst>
        </pc:spChg>
        <pc:spChg chg="add del mod ord">
          <ac:chgData name="Jonathan Cerniaz" userId="3b628a21-462a-4b55-bac2-0c5dbb20dd63" providerId="ADAL" clId="{0994097A-8A61-45A7-B827-345CF4A35BA6}" dt="2024-10-07T01:25:59.246" v="4557"/>
          <ac:spMkLst>
            <pc:docMk/>
            <pc:sldMk cId="4033687353" sldId="296"/>
            <ac:spMk id="4" creationId="{BD45162A-883A-C3E8-15DB-62EB604D3711}"/>
          </ac:spMkLst>
        </pc:spChg>
        <pc:spChg chg="add mod ord modVis">
          <ac:chgData name="Jonathan Cerniaz" userId="3b628a21-462a-4b55-bac2-0c5dbb20dd63" providerId="ADAL" clId="{0994097A-8A61-45A7-B827-345CF4A35BA6}" dt="2024-10-08T02:51:28.486" v="7117"/>
          <ac:spMkLst>
            <pc:docMk/>
            <pc:sldMk cId="4033687353" sldId="296"/>
            <ac:spMk id="5" creationId="{1F890028-A5E9-64DD-B203-BCEF1B5EAA8E}"/>
          </ac:spMkLst>
        </pc:spChg>
        <pc:spChg chg="add mod ord">
          <ac:chgData name="Jonathan Cerniaz" userId="3b628a21-462a-4b55-bac2-0c5dbb20dd63" providerId="ADAL" clId="{0994097A-8A61-45A7-B827-345CF4A35BA6}" dt="2024-10-08T02:51:28.487" v="7119"/>
          <ac:spMkLst>
            <pc:docMk/>
            <pc:sldMk cId="4033687353" sldId="296"/>
            <ac:spMk id="6" creationId="{996E4EBC-3E2D-EFDA-E7ED-49E4B13EEAAD}"/>
          </ac:spMkLst>
        </pc:spChg>
        <pc:spChg chg="add mod">
          <ac:chgData name="Jonathan Cerniaz" userId="3b628a21-462a-4b55-bac2-0c5dbb20dd63" providerId="ADAL" clId="{0994097A-8A61-45A7-B827-345CF4A35BA6}" dt="2024-10-08T02:51:28.489" v="7124"/>
          <ac:spMkLst>
            <pc:docMk/>
            <pc:sldMk cId="4033687353" sldId="296"/>
            <ac:spMk id="7" creationId="{C1E9FA66-42B5-F570-6687-B81F3DB5520A}"/>
          </ac:spMkLst>
        </pc:spChg>
        <pc:spChg chg="add mod ord">
          <ac:chgData name="Jonathan Cerniaz" userId="3b628a21-462a-4b55-bac2-0c5dbb20dd63" providerId="ADAL" clId="{0994097A-8A61-45A7-B827-345CF4A35BA6}" dt="2024-10-08T02:51:28.489" v="7126"/>
          <ac:spMkLst>
            <pc:docMk/>
            <pc:sldMk cId="4033687353" sldId="296"/>
            <ac:spMk id="8" creationId="{AFE9C556-7711-932E-D50C-3068D3F2005E}"/>
          </ac:spMkLst>
        </pc:spChg>
        <pc:spChg chg="add mod">
          <ac:chgData name="Jonathan Cerniaz" userId="3b628a21-462a-4b55-bac2-0c5dbb20dd63" providerId="ADAL" clId="{0994097A-8A61-45A7-B827-345CF4A35BA6}" dt="2024-10-08T02:51:28.490" v="7127"/>
          <ac:spMkLst>
            <pc:docMk/>
            <pc:sldMk cId="4033687353" sldId="296"/>
            <ac:spMk id="9" creationId="{516CFCAF-ECCA-64EC-5E50-EE8BD1275B69}"/>
          </ac:spMkLst>
        </pc:spChg>
        <pc:spChg chg="add mod ord">
          <ac:chgData name="Jonathan Cerniaz" userId="3b628a21-462a-4b55-bac2-0c5dbb20dd63" providerId="ADAL" clId="{0994097A-8A61-45A7-B827-345CF4A35BA6}" dt="2024-10-08T02:51:28.490" v="7129"/>
          <ac:spMkLst>
            <pc:docMk/>
            <pc:sldMk cId="4033687353" sldId="296"/>
            <ac:spMk id="10" creationId="{582434AA-5A17-D0F2-24E8-5E8CE3A1D49A}"/>
          </ac:spMkLst>
        </pc:spChg>
        <pc:spChg chg="add mod ord">
          <ac:chgData name="Jonathan Cerniaz" userId="3b628a21-462a-4b55-bac2-0c5dbb20dd63" providerId="ADAL" clId="{0994097A-8A61-45A7-B827-345CF4A35BA6}" dt="2024-10-08T02:51:28.491" v="7131"/>
          <ac:spMkLst>
            <pc:docMk/>
            <pc:sldMk cId="4033687353" sldId="296"/>
            <ac:spMk id="11" creationId="{D60174E4-B1C6-C4A9-8927-76606671EE56}"/>
          </ac:spMkLst>
        </pc:spChg>
        <pc:spChg chg="add mod ord">
          <ac:chgData name="Jonathan Cerniaz" userId="3b628a21-462a-4b55-bac2-0c5dbb20dd63" providerId="ADAL" clId="{0994097A-8A61-45A7-B827-345CF4A35BA6}" dt="2024-10-08T02:51:28.492" v="7133"/>
          <ac:spMkLst>
            <pc:docMk/>
            <pc:sldMk cId="4033687353" sldId="296"/>
            <ac:spMk id="13" creationId="{50B6F03C-8FE9-234E-5BF6-32C3E48ABC6F}"/>
          </ac:spMkLst>
        </pc:spChg>
        <pc:spChg chg="add mod ord">
          <ac:chgData name="Jonathan Cerniaz" userId="3b628a21-462a-4b55-bac2-0c5dbb20dd63" providerId="ADAL" clId="{0994097A-8A61-45A7-B827-345CF4A35BA6}" dt="2024-10-08T02:51:28.492" v="7135"/>
          <ac:spMkLst>
            <pc:docMk/>
            <pc:sldMk cId="4033687353" sldId="296"/>
            <ac:spMk id="15" creationId="{3EFB9202-969C-492E-477A-1774961D9579}"/>
          </ac:spMkLst>
        </pc:spChg>
        <pc:spChg chg="add mod ord">
          <ac:chgData name="Jonathan Cerniaz" userId="3b628a21-462a-4b55-bac2-0c5dbb20dd63" providerId="ADAL" clId="{0994097A-8A61-45A7-B827-345CF4A35BA6}" dt="2024-10-08T02:51:28.493" v="7137"/>
          <ac:spMkLst>
            <pc:docMk/>
            <pc:sldMk cId="4033687353" sldId="296"/>
            <ac:spMk id="17" creationId="{70ACFC0C-FBE5-E565-4D7B-E5100A918E08}"/>
          </ac:spMkLst>
        </pc:spChg>
        <pc:spChg chg="add mod ord">
          <ac:chgData name="Jonathan Cerniaz" userId="3b628a21-462a-4b55-bac2-0c5dbb20dd63" providerId="ADAL" clId="{0994097A-8A61-45A7-B827-345CF4A35BA6}" dt="2024-10-08T02:51:28.493" v="7139"/>
          <ac:spMkLst>
            <pc:docMk/>
            <pc:sldMk cId="4033687353" sldId="296"/>
            <ac:spMk id="19" creationId="{214F5015-464E-250E-39CE-553E570C466A}"/>
          </ac:spMkLst>
        </pc:spChg>
        <pc:spChg chg="add mod ord">
          <ac:chgData name="Jonathan Cerniaz" userId="3b628a21-462a-4b55-bac2-0c5dbb20dd63" providerId="ADAL" clId="{0994097A-8A61-45A7-B827-345CF4A35BA6}" dt="2024-10-08T02:51:28.494" v="7141"/>
          <ac:spMkLst>
            <pc:docMk/>
            <pc:sldMk cId="4033687353" sldId="296"/>
            <ac:spMk id="21" creationId="{419DD011-E453-6A54-917B-1D49D55519F4}"/>
          </ac:spMkLst>
        </pc:spChg>
        <pc:spChg chg="add mod ord">
          <ac:chgData name="Jonathan Cerniaz" userId="3b628a21-462a-4b55-bac2-0c5dbb20dd63" providerId="ADAL" clId="{0994097A-8A61-45A7-B827-345CF4A35BA6}" dt="2024-10-08T02:51:28.495" v="7143"/>
          <ac:spMkLst>
            <pc:docMk/>
            <pc:sldMk cId="4033687353" sldId="296"/>
            <ac:spMk id="23" creationId="{8F9B1F8C-DCAA-5B46-2A25-D04964D51D8A}"/>
          </ac:spMkLst>
        </pc:spChg>
        <pc:spChg chg="add mod ord">
          <ac:chgData name="Jonathan Cerniaz" userId="3b628a21-462a-4b55-bac2-0c5dbb20dd63" providerId="ADAL" clId="{0994097A-8A61-45A7-B827-345CF4A35BA6}" dt="2024-10-08T02:51:28.495" v="7145"/>
          <ac:spMkLst>
            <pc:docMk/>
            <pc:sldMk cId="4033687353" sldId="296"/>
            <ac:spMk id="25" creationId="{0C14AEBC-9DE3-32F6-5B88-C2AA83D81F45}"/>
          </ac:spMkLst>
        </pc:spChg>
        <pc:spChg chg="add mod ord modVis">
          <ac:chgData name="Jonathan Cerniaz" userId="3b628a21-462a-4b55-bac2-0c5dbb20dd63" providerId="ADAL" clId="{0994097A-8A61-45A7-B827-345CF4A35BA6}" dt="2024-10-08T02:51:28.524" v="7261"/>
          <ac:spMkLst>
            <pc:docMk/>
            <pc:sldMk cId="4033687353" sldId="296"/>
            <ac:spMk id="26" creationId="{6403BD0F-C8BA-87DF-A612-A77D4E0502A3}"/>
          </ac:spMkLst>
        </pc:spChg>
        <pc:spChg chg="add del mod ord">
          <ac:chgData name="Jonathan Cerniaz" userId="3b628a21-462a-4b55-bac2-0c5dbb20dd63" providerId="ADAL" clId="{0994097A-8A61-45A7-B827-345CF4A35BA6}" dt="2024-10-07T01:25:59.245" v="4555"/>
          <ac:spMkLst>
            <pc:docMk/>
            <pc:sldMk cId="4033687353" sldId="296"/>
            <ac:spMk id="27" creationId="{2897E040-7894-6F4B-A8EA-14A4A854B227}"/>
          </ac:spMkLst>
        </pc:spChg>
        <pc:spChg chg="add del mod ord">
          <ac:chgData name="Jonathan Cerniaz" userId="3b628a21-462a-4b55-bac2-0c5dbb20dd63" providerId="ADAL" clId="{0994097A-8A61-45A7-B827-345CF4A35BA6}" dt="2024-10-07T01:13:09.919" v="3689"/>
          <ac:spMkLst>
            <pc:docMk/>
            <pc:sldMk cId="4033687353" sldId="296"/>
            <ac:spMk id="35" creationId="{BD7BFAE1-2669-2315-B55B-158C47B84D39}"/>
          </ac:spMkLst>
        </pc:spChg>
        <pc:spChg chg="add del mod ord">
          <ac:chgData name="Jonathan Cerniaz" userId="3b628a21-462a-4b55-bac2-0c5dbb20dd63" providerId="ADAL" clId="{0994097A-8A61-45A7-B827-345CF4A35BA6}" dt="2024-10-07T01:13:09.919" v="3691"/>
          <ac:spMkLst>
            <pc:docMk/>
            <pc:sldMk cId="4033687353" sldId="296"/>
            <ac:spMk id="36" creationId="{EAAA105D-64DD-C9CD-EF76-64BD951E8AE5}"/>
          </ac:spMkLst>
        </pc:spChg>
        <pc:spChg chg="add del mod">
          <ac:chgData name="Jonathan Cerniaz" userId="3b628a21-462a-4b55-bac2-0c5dbb20dd63" providerId="ADAL" clId="{0994097A-8A61-45A7-B827-345CF4A35BA6}" dt="2024-10-07T01:13:09.927" v="3720"/>
          <ac:spMkLst>
            <pc:docMk/>
            <pc:sldMk cId="4033687353" sldId="296"/>
            <ac:spMk id="37" creationId="{54F148E1-7332-B4C4-9CD0-BD4C1AABD212}"/>
          </ac:spMkLst>
        </pc:spChg>
        <pc:spChg chg="add del mod ord">
          <ac:chgData name="Jonathan Cerniaz" userId="3b628a21-462a-4b55-bac2-0c5dbb20dd63" providerId="ADAL" clId="{0994097A-8A61-45A7-B827-345CF4A35BA6}" dt="2024-10-07T01:13:09.920" v="3693"/>
          <ac:spMkLst>
            <pc:docMk/>
            <pc:sldMk cId="4033687353" sldId="296"/>
            <ac:spMk id="38" creationId="{8CE9462B-3A61-A41D-94D8-B81C35A45E0C}"/>
          </ac:spMkLst>
        </pc:spChg>
        <pc:spChg chg="add del mod ord">
          <ac:chgData name="Jonathan Cerniaz" userId="3b628a21-462a-4b55-bac2-0c5dbb20dd63" providerId="ADAL" clId="{0994097A-8A61-45A7-B827-345CF4A35BA6}" dt="2024-10-07T01:13:09.921" v="3695"/>
          <ac:spMkLst>
            <pc:docMk/>
            <pc:sldMk cId="4033687353" sldId="296"/>
            <ac:spMk id="39" creationId="{7E3873D6-D25E-C6F4-783A-4B58D28696F2}"/>
          </ac:spMkLst>
        </pc:spChg>
        <pc:spChg chg="add del mod">
          <ac:chgData name="Jonathan Cerniaz" userId="3b628a21-462a-4b55-bac2-0c5dbb20dd63" providerId="ADAL" clId="{0994097A-8A61-45A7-B827-345CF4A35BA6}" dt="2024-10-07T01:13:09.928" v="3721"/>
          <ac:spMkLst>
            <pc:docMk/>
            <pc:sldMk cId="4033687353" sldId="296"/>
            <ac:spMk id="40" creationId="{4AD283B0-D7B9-6D64-A76E-FA9B68B7FC05}"/>
          </ac:spMkLst>
        </pc:spChg>
        <pc:spChg chg="add del mod ord">
          <ac:chgData name="Jonathan Cerniaz" userId="3b628a21-462a-4b55-bac2-0c5dbb20dd63" providerId="ADAL" clId="{0994097A-8A61-45A7-B827-345CF4A35BA6}" dt="2024-10-07T01:13:09.921" v="3697"/>
          <ac:spMkLst>
            <pc:docMk/>
            <pc:sldMk cId="4033687353" sldId="296"/>
            <ac:spMk id="41" creationId="{8E9A41AF-9967-2E1C-D817-AC5EE253FE0B}"/>
          </ac:spMkLst>
        </pc:spChg>
        <pc:spChg chg="add del mod ord">
          <ac:chgData name="Jonathan Cerniaz" userId="3b628a21-462a-4b55-bac2-0c5dbb20dd63" providerId="ADAL" clId="{0994097A-8A61-45A7-B827-345CF4A35BA6}" dt="2024-10-07T01:13:09.922" v="3699"/>
          <ac:spMkLst>
            <pc:docMk/>
            <pc:sldMk cId="4033687353" sldId="296"/>
            <ac:spMk id="42" creationId="{5EB66FF4-41C2-F4FC-9877-3E147CD74017}"/>
          </ac:spMkLst>
        </pc:spChg>
        <pc:spChg chg="add del mod">
          <ac:chgData name="Jonathan Cerniaz" userId="3b628a21-462a-4b55-bac2-0c5dbb20dd63" providerId="ADAL" clId="{0994097A-8A61-45A7-B827-345CF4A35BA6}" dt="2024-10-07T01:13:09.928" v="3722"/>
          <ac:spMkLst>
            <pc:docMk/>
            <pc:sldMk cId="4033687353" sldId="296"/>
            <ac:spMk id="43" creationId="{AA7B5FDA-FAD4-CE51-B96D-EC93703D57BB}"/>
          </ac:spMkLst>
        </pc:spChg>
        <pc:spChg chg="add del mod ord">
          <ac:chgData name="Jonathan Cerniaz" userId="3b628a21-462a-4b55-bac2-0c5dbb20dd63" providerId="ADAL" clId="{0994097A-8A61-45A7-B827-345CF4A35BA6}" dt="2024-10-07T01:13:09.922" v="3701"/>
          <ac:spMkLst>
            <pc:docMk/>
            <pc:sldMk cId="4033687353" sldId="296"/>
            <ac:spMk id="44" creationId="{AB44D4A5-11AC-977B-568A-74D1A0C43F22}"/>
          </ac:spMkLst>
        </pc:spChg>
        <pc:spChg chg="add del mod ord">
          <ac:chgData name="Jonathan Cerniaz" userId="3b628a21-462a-4b55-bac2-0c5dbb20dd63" providerId="ADAL" clId="{0994097A-8A61-45A7-B827-345CF4A35BA6}" dt="2024-10-07T01:13:09.923" v="3703"/>
          <ac:spMkLst>
            <pc:docMk/>
            <pc:sldMk cId="4033687353" sldId="296"/>
            <ac:spMk id="45" creationId="{92D8B3E1-372D-BA42-8F9C-9B0CA9D9C153}"/>
          </ac:spMkLst>
        </pc:spChg>
        <pc:spChg chg="add del mod">
          <ac:chgData name="Jonathan Cerniaz" userId="3b628a21-462a-4b55-bac2-0c5dbb20dd63" providerId="ADAL" clId="{0994097A-8A61-45A7-B827-345CF4A35BA6}" dt="2024-10-07T01:13:09.928" v="3723"/>
          <ac:spMkLst>
            <pc:docMk/>
            <pc:sldMk cId="4033687353" sldId="296"/>
            <ac:spMk id="46" creationId="{EDA570B6-BC74-24C3-AF01-24E9C4621415}"/>
          </ac:spMkLst>
        </pc:spChg>
        <pc:spChg chg="add del mod ord">
          <ac:chgData name="Jonathan Cerniaz" userId="3b628a21-462a-4b55-bac2-0c5dbb20dd63" providerId="ADAL" clId="{0994097A-8A61-45A7-B827-345CF4A35BA6}" dt="2024-10-07T01:13:09.923" v="3705"/>
          <ac:spMkLst>
            <pc:docMk/>
            <pc:sldMk cId="4033687353" sldId="296"/>
            <ac:spMk id="47" creationId="{D57F4373-8E32-7819-7263-FE7EB9A5A729}"/>
          </ac:spMkLst>
        </pc:spChg>
        <pc:spChg chg="add del mod ord">
          <ac:chgData name="Jonathan Cerniaz" userId="3b628a21-462a-4b55-bac2-0c5dbb20dd63" providerId="ADAL" clId="{0994097A-8A61-45A7-B827-345CF4A35BA6}" dt="2024-10-07T01:13:09.923" v="3707"/>
          <ac:spMkLst>
            <pc:docMk/>
            <pc:sldMk cId="4033687353" sldId="296"/>
            <ac:spMk id="48" creationId="{61CE9445-DC4A-6F79-152F-5EA9905E077C}"/>
          </ac:spMkLst>
        </pc:spChg>
        <pc:spChg chg="add del mod">
          <ac:chgData name="Jonathan Cerniaz" userId="3b628a21-462a-4b55-bac2-0c5dbb20dd63" providerId="ADAL" clId="{0994097A-8A61-45A7-B827-345CF4A35BA6}" dt="2024-10-07T01:13:09.928" v="3724"/>
          <ac:spMkLst>
            <pc:docMk/>
            <pc:sldMk cId="4033687353" sldId="296"/>
            <ac:spMk id="49" creationId="{87F6BB50-AEAD-5722-0666-D4E9FFA09A82}"/>
          </ac:spMkLst>
        </pc:spChg>
        <pc:spChg chg="add del mod ord">
          <ac:chgData name="Jonathan Cerniaz" userId="3b628a21-462a-4b55-bac2-0c5dbb20dd63" providerId="ADAL" clId="{0994097A-8A61-45A7-B827-345CF4A35BA6}" dt="2024-10-07T01:13:09.924" v="3709"/>
          <ac:spMkLst>
            <pc:docMk/>
            <pc:sldMk cId="4033687353" sldId="296"/>
            <ac:spMk id="50" creationId="{B7DE6B70-62FD-B46E-FD96-469DACF567BE}"/>
          </ac:spMkLst>
        </pc:spChg>
        <pc:spChg chg="add del mod ord">
          <ac:chgData name="Jonathan Cerniaz" userId="3b628a21-462a-4b55-bac2-0c5dbb20dd63" providerId="ADAL" clId="{0994097A-8A61-45A7-B827-345CF4A35BA6}" dt="2024-10-07T01:13:09.925" v="3711"/>
          <ac:spMkLst>
            <pc:docMk/>
            <pc:sldMk cId="4033687353" sldId="296"/>
            <ac:spMk id="51" creationId="{0D57AB71-DC2C-FA75-7EF2-85BCD20CA4FE}"/>
          </ac:spMkLst>
        </pc:spChg>
        <pc:spChg chg="add del mod">
          <ac:chgData name="Jonathan Cerniaz" userId="3b628a21-462a-4b55-bac2-0c5dbb20dd63" providerId="ADAL" clId="{0994097A-8A61-45A7-B827-345CF4A35BA6}" dt="2024-10-07T01:13:09.929" v="3725"/>
          <ac:spMkLst>
            <pc:docMk/>
            <pc:sldMk cId="4033687353" sldId="296"/>
            <ac:spMk id="52" creationId="{985E8EA8-10A3-9A85-E769-B8FCBEF23F18}"/>
          </ac:spMkLst>
        </pc:spChg>
        <pc:spChg chg="add del mod ord">
          <ac:chgData name="Jonathan Cerniaz" userId="3b628a21-462a-4b55-bac2-0c5dbb20dd63" providerId="ADAL" clId="{0994097A-8A61-45A7-B827-345CF4A35BA6}" dt="2024-10-07T01:13:09.925" v="3713"/>
          <ac:spMkLst>
            <pc:docMk/>
            <pc:sldMk cId="4033687353" sldId="296"/>
            <ac:spMk id="53" creationId="{5D0480AF-3E32-4DFF-9032-FC21F0C90B04}"/>
          </ac:spMkLst>
        </pc:spChg>
        <pc:spChg chg="add del mod ord">
          <ac:chgData name="Jonathan Cerniaz" userId="3b628a21-462a-4b55-bac2-0c5dbb20dd63" providerId="ADAL" clId="{0994097A-8A61-45A7-B827-345CF4A35BA6}" dt="2024-10-07T01:13:09.926" v="3715"/>
          <ac:spMkLst>
            <pc:docMk/>
            <pc:sldMk cId="4033687353" sldId="296"/>
            <ac:spMk id="54" creationId="{3C1F1279-8C14-1B86-7DD9-C6BD8854407D}"/>
          </ac:spMkLst>
        </pc:spChg>
        <pc:spChg chg="add del mod">
          <ac:chgData name="Jonathan Cerniaz" userId="3b628a21-462a-4b55-bac2-0c5dbb20dd63" providerId="ADAL" clId="{0994097A-8A61-45A7-B827-345CF4A35BA6}" dt="2024-10-07T01:13:09.929" v="3726"/>
          <ac:spMkLst>
            <pc:docMk/>
            <pc:sldMk cId="4033687353" sldId="296"/>
            <ac:spMk id="55" creationId="{99F5BF01-54A1-090B-C188-57AE244C6E38}"/>
          </ac:spMkLst>
        </pc:spChg>
        <pc:spChg chg="add del mod ord">
          <ac:chgData name="Jonathan Cerniaz" userId="3b628a21-462a-4b55-bac2-0c5dbb20dd63" providerId="ADAL" clId="{0994097A-8A61-45A7-B827-345CF4A35BA6}" dt="2024-10-07T01:13:09.926" v="3717"/>
          <ac:spMkLst>
            <pc:docMk/>
            <pc:sldMk cId="4033687353" sldId="296"/>
            <ac:spMk id="56" creationId="{B8D2C4AC-B758-C7B8-6551-212D8BC1429C}"/>
          </ac:spMkLst>
        </pc:spChg>
        <pc:spChg chg="add del mod ord">
          <ac:chgData name="Jonathan Cerniaz" userId="3b628a21-462a-4b55-bac2-0c5dbb20dd63" providerId="ADAL" clId="{0994097A-8A61-45A7-B827-345CF4A35BA6}" dt="2024-10-07T01:13:09.927" v="3719"/>
          <ac:spMkLst>
            <pc:docMk/>
            <pc:sldMk cId="4033687353" sldId="296"/>
            <ac:spMk id="57" creationId="{DE2F78AA-A5D5-780B-B226-8EC80B58033D}"/>
          </ac:spMkLst>
        </pc:spChg>
        <pc:spChg chg="add del mod">
          <ac:chgData name="Jonathan Cerniaz" userId="3b628a21-462a-4b55-bac2-0c5dbb20dd63" providerId="ADAL" clId="{0994097A-8A61-45A7-B827-345CF4A35BA6}" dt="2024-10-07T01:13:09.929" v="3727"/>
          <ac:spMkLst>
            <pc:docMk/>
            <pc:sldMk cId="4033687353" sldId="296"/>
            <ac:spMk id="58" creationId="{21B4B9FF-95BC-ED84-E9D2-6E9213AA9BB9}"/>
          </ac:spMkLst>
        </pc:spChg>
        <pc:spChg chg="add mod">
          <ac:chgData name="Jonathan Cerniaz" userId="3b628a21-462a-4b55-bac2-0c5dbb20dd63" providerId="ADAL" clId="{0994097A-8A61-45A7-B827-345CF4A35BA6}" dt="2024-10-08T02:51:28.501" v="7168"/>
          <ac:spMkLst>
            <pc:docMk/>
            <pc:sldMk cId="4033687353" sldId="296"/>
            <ac:spMk id="59" creationId="{7FD052F9-EA41-F2B4-C27E-A870825306EF}"/>
          </ac:spMkLst>
        </pc:spChg>
        <pc:spChg chg="add del mod ord">
          <ac:chgData name="Jonathan Cerniaz" userId="3b628a21-462a-4b55-bac2-0c5dbb20dd63" providerId="ADAL" clId="{0994097A-8A61-45A7-B827-345CF4A35BA6}" dt="2024-10-07T01:03:40.787" v="2377" actId="478"/>
          <ac:spMkLst>
            <pc:docMk/>
            <pc:sldMk cId="4033687353" sldId="296"/>
            <ac:spMk id="59" creationId="{CF98B88C-ABFC-72ED-7113-952E89CAA0C1}"/>
          </ac:spMkLst>
        </pc:spChg>
        <pc:spChg chg="add del mod ord">
          <ac:chgData name="Jonathan Cerniaz" userId="3b628a21-462a-4b55-bac2-0c5dbb20dd63" providerId="ADAL" clId="{0994097A-8A61-45A7-B827-345CF4A35BA6}" dt="2024-10-07T01:03:38.300" v="2375" actId="478"/>
          <ac:spMkLst>
            <pc:docMk/>
            <pc:sldMk cId="4033687353" sldId="296"/>
            <ac:spMk id="60" creationId="{8F69122F-85A3-43E2-5E0E-534EDA96C27D}"/>
          </ac:spMkLst>
        </pc:spChg>
        <pc:spChg chg="add mod modVis">
          <ac:chgData name="Jonathan Cerniaz" userId="3b628a21-462a-4b55-bac2-0c5dbb20dd63" providerId="ADAL" clId="{0994097A-8A61-45A7-B827-345CF4A35BA6}" dt="2024-10-08T02:51:28.504" v="7174"/>
          <ac:spMkLst>
            <pc:docMk/>
            <pc:sldMk cId="4033687353" sldId="296"/>
            <ac:spMk id="60" creationId="{E467AAAE-8184-60C7-DC39-31C2A2F40696}"/>
          </ac:spMkLst>
        </pc:spChg>
        <pc:spChg chg="add mod ord modVis">
          <ac:chgData name="Jonathan Cerniaz" userId="3b628a21-462a-4b55-bac2-0c5dbb20dd63" providerId="ADAL" clId="{0994097A-8A61-45A7-B827-345CF4A35BA6}" dt="2024-10-08T02:51:28.507" v="7181"/>
          <ac:spMkLst>
            <pc:docMk/>
            <pc:sldMk cId="4033687353" sldId="296"/>
            <ac:spMk id="61" creationId="{4D352E27-88DD-AFB3-7E3B-3504E1C855D9}"/>
          </ac:spMkLst>
        </pc:spChg>
        <pc:spChg chg="add del mod ord">
          <ac:chgData name="Jonathan Cerniaz" userId="3b628a21-462a-4b55-bac2-0c5dbb20dd63" providerId="ADAL" clId="{0994097A-8A61-45A7-B827-345CF4A35BA6}" dt="2024-10-07T01:03:39.553" v="2376" actId="478"/>
          <ac:spMkLst>
            <pc:docMk/>
            <pc:sldMk cId="4033687353" sldId="296"/>
            <ac:spMk id="61" creationId="{6331A463-A64E-23A4-845E-16A1E5D8195E}"/>
          </ac:spMkLst>
        </pc:spChg>
        <pc:spChg chg="add mod ord modVis">
          <ac:chgData name="Jonathan Cerniaz" userId="3b628a21-462a-4b55-bac2-0c5dbb20dd63" providerId="ADAL" clId="{0994097A-8A61-45A7-B827-345CF4A35BA6}" dt="2024-10-08T02:51:28.507" v="7183"/>
          <ac:spMkLst>
            <pc:docMk/>
            <pc:sldMk cId="4033687353" sldId="296"/>
            <ac:spMk id="62" creationId="{09D34B20-D1AF-DA22-0975-8AC0B5BAA48F}"/>
          </ac:spMkLst>
        </pc:spChg>
        <pc:spChg chg="add mod ord">
          <ac:chgData name="Jonathan Cerniaz" userId="3b628a21-462a-4b55-bac2-0c5dbb20dd63" providerId="ADAL" clId="{0994097A-8A61-45A7-B827-345CF4A35BA6}" dt="2024-10-08T02:51:28.550" v="7265"/>
          <ac:spMkLst>
            <pc:docMk/>
            <pc:sldMk cId="4033687353" sldId="296"/>
            <ac:spMk id="64" creationId="{AF05EA2A-B9B7-189B-6619-2043C8244D06}"/>
          </ac:spMkLst>
        </pc:spChg>
        <pc:spChg chg="add mod ord modVis">
          <ac:chgData name="Jonathan Cerniaz" userId="3b628a21-462a-4b55-bac2-0c5dbb20dd63" providerId="ADAL" clId="{0994097A-8A61-45A7-B827-345CF4A35BA6}" dt="2024-10-08T02:51:28.508" v="7185"/>
          <ac:spMkLst>
            <pc:docMk/>
            <pc:sldMk cId="4033687353" sldId="296"/>
            <ac:spMk id="65" creationId="{99249929-DEB7-D20C-3AE0-EEFC90B383C4}"/>
          </ac:spMkLst>
        </pc:spChg>
        <pc:spChg chg="add mod ord">
          <ac:chgData name="Jonathan Cerniaz" userId="3b628a21-462a-4b55-bac2-0c5dbb20dd63" providerId="ADAL" clId="{0994097A-8A61-45A7-B827-345CF4A35BA6}" dt="2024-10-08T02:51:28.509" v="7187"/>
          <ac:spMkLst>
            <pc:docMk/>
            <pc:sldMk cId="4033687353" sldId="296"/>
            <ac:spMk id="66" creationId="{321BD7F7-ACAB-BB45-F9BB-5AE975EB3E71}"/>
          </ac:spMkLst>
        </pc:spChg>
        <pc:spChg chg="add del mod">
          <ac:chgData name="Jonathan Cerniaz" userId="3b628a21-462a-4b55-bac2-0c5dbb20dd63" providerId="ADAL" clId="{0994097A-8A61-45A7-B827-345CF4A35BA6}" dt="2024-10-07T01:05:14.691" v="2388" actId="478"/>
          <ac:spMkLst>
            <pc:docMk/>
            <pc:sldMk cId="4033687353" sldId="296"/>
            <ac:spMk id="66" creationId="{54932D37-3922-0EB8-F484-5B5997BB952E}"/>
          </ac:spMkLst>
        </pc:spChg>
        <pc:spChg chg="add mod ord">
          <ac:chgData name="Jonathan Cerniaz" userId="3b628a21-462a-4b55-bac2-0c5dbb20dd63" providerId="ADAL" clId="{0994097A-8A61-45A7-B827-345CF4A35BA6}" dt="2024-10-08T02:51:28.551" v="7267"/>
          <ac:spMkLst>
            <pc:docMk/>
            <pc:sldMk cId="4033687353" sldId="296"/>
            <ac:spMk id="67" creationId="{0B049357-1FD1-9E0F-B0C2-352E73955152}"/>
          </ac:spMkLst>
        </pc:spChg>
        <pc:spChg chg="add mod ord">
          <ac:chgData name="Jonathan Cerniaz" userId="3b628a21-462a-4b55-bac2-0c5dbb20dd63" providerId="ADAL" clId="{0994097A-8A61-45A7-B827-345CF4A35BA6}" dt="2024-10-08T02:51:28.509" v="7189"/>
          <ac:spMkLst>
            <pc:docMk/>
            <pc:sldMk cId="4033687353" sldId="296"/>
            <ac:spMk id="68" creationId="{C6A1C4F3-62C6-5667-2EF7-04B8A9D4BEAA}"/>
          </ac:spMkLst>
        </pc:spChg>
        <pc:spChg chg="add mod ord modVis">
          <ac:chgData name="Jonathan Cerniaz" userId="3b628a21-462a-4b55-bac2-0c5dbb20dd63" providerId="ADAL" clId="{0994097A-8A61-45A7-B827-345CF4A35BA6}" dt="2024-10-08T02:51:28.510" v="7191"/>
          <ac:spMkLst>
            <pc:docMk/>
            <pc:sldMk cId="4033687353" sldId="296"/>
            <ac:spMk id="69" creationId="{B9665DF2-2C0E-7DF5-88F4-7E22B6DE60A6}"/>
          </ac:spMkLst>
        </pc:spChg>
        <pc:spChg chg="add mod">
          <ac:chgData name="Jonathan Cerniaz" userId="3b628a21-462a-4b55-bac2-0c5dbb20dd63" providerId="ADAL" clId="{0994097A-8A61-45A7-B827-345CF4A35BA6}" dt="2024-10-08T02:51:28.501" v="7169"/>
          <ac:spMkLst>
            <pc:docMk/>
            <pc:sldMk cId="4033687353" sldId="296"/>
            <ac:spMk id="70" creationId="{1B6822FE-DCC9-4947-E79F-7D88FF1CE4F9}"/>
          </ac:spMkLst>
        </pc:spChg>
        <pc:spChg chg="add mod modVis">
          <ac:chgData name="Jonathan Cerniaz" userId="3b628a21-462a-4b55-bac2-0c5dbb20dd63" providerId="ADAL" clId="{0994097A-8A61-45A7-B827-345CF4A35BA6}" dt="2024-10-08T02:51:28.504" v="7175"/>
          <ac:spMkLst>
            <pc:docMk/>
            <pc:sldMk cId="4033687353" sldId="296"/>
            <ac:spMk id="71" creationId="{E4A377F2-3885-8F28-A310-66FA925612E4}"/>
          </ac:spMkLst>
        </pc:spChg>
        <pc:spChg chg="add mod ord modVis">
          <ac:chgData name="Jonathan Cerniaz" userId="3b628a21-462a-4b55-bac2-0c5dbb20dd63" providerId="ADAL" clId="{0994097A-8A61-45A7-B827-345CF4A35BA6}" dt="2024-10-08T02:51:28.510" v="7193"/>
          <ac:spMkLst>
            <pc:docMk/>
            <pc:sldMk cId="4033687353" sldId="296"/>
            <ac:spMk id="72" creationId="{085AB6C9-D835-5B54-8616-82829B7E8789}"/>
          </ac:spMkLst>
        </pc:spChg>
        <pc:spChg chg="add mod ord modVis">
          <ac:chgData name="Jonathan Cerniaz" userId="3b628a21-462a-4b55-bac2-0c5dbb20dd63" providerId="ADAL" clId="{0994097A-8A61-45A7-B827-345CF4A35BA6}" dt="2024-10-08T02:51:28.511" v="7195"/>
          <ac:spMkLst>
            <pc:docMk/>
            <pc:sldMk cId="4033687353" sldId="296"/>
            <ac:spMk id="73" creationId="{BBFDD0D3-FEF1-3ECD-B5D4-E260F48CEEFA}"/>
          </ac:spMkLst>
        </pc:spChg>
        <pc:spChg chg="add mod ord modVis">
          <ac:chgData name="Jonathan Cerniaz" userId="3b628a21-462a-4b55-bac2-0c5dbb20dd63" providerId="ADAL" clId="{0994097A-8A61-45A7-B827-345CF4A35BA6}" dt="2024-10-08T02:51:28.511" v="7197"/>
          <ac:spMkLst>
            <pc:docMk/>
            <pc:sldMk cId="4033687353" sldId="296"/>
            <ac:spMk id="74" creationId="{1FA8962D-D8E1-FA42-1D12-0045E85FF83E}"/>
          </ac:spMkLst>
        </pc:spChg>
        <pc:spChg chg="add mod ord">
          <ac:chgData name="Jonathan Cerniaz" userId="3b628a21-462a-4b55-bac2-0c5dbb20dd63" providerId="ADAL" clId="{0994097A-8A61-45A7-B827-345CF4A35BA6}" dt="2024-10-08T02:51:28.511" v="7199"/>
          <ac:spMkLst>
            <pc:docMk/>
            <pc:sldMk cId="4033687353" sldId="296"/>
            <ac:spMk id="75" creationId="{21D197DF-1170-90E8-B7AC-2690DBF9F10A}"/>
          </ac:spMkLst>
        </pc:spChg>
        <pc:spChg chg="add mod ord">
          <ac:chgData name="Jonathan Cerniaz" userId="3b628a21-462a-4b55-bac2-0c5dbb20dd63" providerId="ADAL" clId="{0994097A-8A61-45A7-B827-345CF4A35BA6}" dt="2024-10-08T02:51:28.512" v="7201"/>
          <ac:spMkLst>
            <pc:docMk/>
            <pc:sldMk cId="4033687353" sldId="296"/>
            <ac:spMk id="76" creationId="{8275F9DC-3C54-7A02-1BC1-D92420D46097}"/>
          </ac:spMkLst>
        </pc:spChg>
        <pc:spChg chg="add mod ord modVis">
          <ac:chgData name="Jonathan Cerniaz" userId="3b628a21-462a-4b55-bac2-0c5dbb20dd63" providerId="ADAL" clId="{0994097A-8A61-45A7-B827-345CF4A35BA6}" dt="2024-10-08T02:51:28.512" v="7203"/>
          <ac:spMkLst>
            <pc:docMk/>
            <pc:sldMk cId="4033687353" sldId="296"/>
            <ac:spMk id="77" creationId="{41ED21AD-1A9D-A796-32CE-1FED65ED2E08}"/>
          </ac:spMkLst>
        </pc:spChg>
        <pc:spChg chg="add mod">
          <ac:chgData name="Jonathan Cerniaz" userId="3b628a21-462a-4b55-bac2-0c5dbb20dd63" providerId="ADAL" clId="{0994097A-8A61-45A7-B827-345CF4A35BA6}" dt="2024-10-08T02:51:28.502" v="7170"/>
          <ac:spMkLst>
            <pc:docMk/>
            <pc:sldMk cId="4033687353" sldId="296"/>
            <ac:spMk id="78" creationId="{9091B29F-C070-5733-D9DC-686DBDAD04AE}"/>
          </ac:spMkLst>
        </pc:spChg>
        <pc:spChg chg="add mod modVis">
          <ac:chgData name="Jonathan Cerniaz" userId="3b628a21-462a-4b55-bac2-0c5dbb20dd63" providerId="ADAL" clId="{0994097A-8A61-45A7-B827-345CF4A35BA6}" dt="2024-10-08T02:51:28.505" v="7176"/>
          <ac:spMkLst>
            <pc:docMk/>
            <pc:sldMk cId="4033687353" sldId="296"/>
            <ac:spMk id="79" creationId="{F60E9386-9FC6-D93D-71E7-9813594828B1}"/>
          </ac:spMkLst>
        </pc:spChg>
        <pc:spChg chg="add mod ord modVis">
          <ac:chgData name="Jonathan Cerniaz" userId="3b628a21-462a-4b55-bac2-0c5dbb20dd63" providerId="ADAL" clId="{0994097A-8A61-45A7-B827-345CF4A35BA6}" dt="2024-10-08T02:51:28.512" v="7205"/>
          <ac:spMkLst>
            <pc:docMk/>
            <pc:sldMk cId="4033687353" sldId="296"/>
            <ac:spMk id="80" creationId="{308AF568-FF5A-2741-223E-021E24CDC7B7}"/>
          </ac:spMkLst>
        </pc:spChg>
        <pc:spChg chg="add mod ord modVis">
          <ac:chgData name="Jonathan Cerniaz" userId="3b628a21-462a-4b55-bac2-0c5dbb20dd63" providerId="ADAL" clId="{0994097A-8A61-45A7-B827-345CF4A35BA6}" dt="2024-10-08T02:51:28.513" v="7207"/>
          <ac:spMkLst>
            <pc:docMk/>
            <pc:sldMk cId="4033687353" sldId="296"/>
            <ac:spMk id="81" creationId="{DCF0E622-F456-9467-92E7-19B8971C0D0D}"/>
          </ac:spMkLst>
        </pc:spChg>
        <pc:spChg chg="add mod ord modVis">
          <ac:chgData name="Jonathan Cerniaz" userId="3b628a21-462a-4b55-bac2-0c5dbb20dd63" providerId="ADAL" clId="{0994097A-8A61-45A7-B827-345CF4A35BA6}" dt="2024-10-08T02:51:28.513" v="7209"/>
          <ac:spMkLst>
            <pc:docMk/>
            <pc:sldMk cId="4033687353" sldId="296"/>
            <ac:spMk id="82" creationId="{BD604AB5-3E74-F7BD-61E8-18A3BD98AE6B}"/>
          </ac:spMkLst>
        </pc:spChg>
        <pc:spChg chg="add mod ord">
          <ac:chgData name="Jonathan Cerniaz" userId="3b628a21-462a-4b55-bac2-0c5dbb20dd63" providerId="ADAL" clId="{0994097A-8A61-45A7-B827-345CF4A35BA6}" dt="2024-10-08T02:51:28.513" v="7211"/>
          <ac:spMkLst>
            <pc:docMk/>
            <pc:sldMk cId="4033687353" sldId="296"/>
            <ac:spMk id="83" creationId="{1DC0D52A-D968-72D4-D820-106B384884B7}"/>
          </ac:spMkLst>
        </pc:spChg>
        <pc:spChg chg="add mod ord">
          <ac:chgData name="Jonathan Cerniaz" userId="3b628a21-462a-4b55-bac2-0c5dbb20dd63" providerId="ADAL" clId="{0994097A-8A61-45A7-B827-345CF4A35BA6}" dt="2024-10-08T02:51:28.514" v="7213"/>
          <ac:spMkLst>
            <pc:docMk/>
            <pc:sldMk cId="4033687353" sldId="296"/>
            <ac:spMk id="84" creationId="{3563B3A2-5A8C-6CFF-910B-D277DD3C0A55}"/>
          </ac:spMkLst>
        </pc:spChg>
        <pc:spChg chg="add mod ord modVis">
          <ac:chgData name="Jonathan Cerniaz" userId="3b628a21-462a-4b55-bac2-0c5dbb20dd63" providerId="ADAL" clId="{0994097A-8A61-45A7-B827-345CF4A35BA6}" dt="2024-10-08T02:51:28.514" v="7215"/>
          <ac:spMkLst>
            <pc:docMk/>
            <pc:sldMk cId="4033687353" sldId="296"/>
            <ac:spMk id="85" creationId="{71689F63-CBEA-B2B7-9697-F9A2D5F77EA6}"/>
          </ac:spMkLst>
        </pc:spChg>
        <pc:spChg chg="add mod">
          <ac:chgData name="Jonathan Cerniaz" userId="3b628a21-462a-4b55-bac2-0c5dbb20dd63" providerId="ADAL" clId="{0994097A-8A61-45A7-B827-345CF4A35BA6}" dt="2024-10-08T02:51:28.502" v="7171"/>
          <ac:spMkLst>
            <pc:docMk/>
            <pc:sldMk cId="4033687353" sldId="296"/>
            <ac:spMk id="86" creationId="{04F635B4-0939-EE55-1724-35A88DF6E4BB}"/>
          </ac:spMkLst>
        </pc:spChg>
        <pc:spChg chg="add mod modVis">
          <ac:chgData name="Jonathan Cerniaz" userId="3b628a21-462a-4b55-bac2-0c5dbb20dd63" providerId="ADAL" clId="{0994097A-8A61-45A7-B827-345CF4A35BA6}" dt="2024-10-08T02:51:28.505" v="7177"/>
          <ac:spMkLst>
            <pc:docMk/>
            <pc:sldMk cId="4033687353" sldId="296"/>
            <ac:spMk id="87" creationId="{15B322AE-7C0A-AD1E-F0CB-D4074F4B1F44}"/>
          </ac:spMkLst>
        </pc:spChg>
        <pc:spChg chg="add mod ord modVis">
          <ac:chgData name="Jonathan Cerniaz" userId="3b628a21-462a-4b55-bac2-0c5dbb20dd63" providerId="ADAL" clId="{0994097A-8A61-45A7-B827-345CF4A35BA6}" dt="2024-10-08T02:51:28.514" v="7217"/>
          <ac:spMkLst>
            <pc:docMk/>
            <pc:sldMk cId="4033687353" sldId="296"/>
            <ac:spMk id="88" creationId="{69CE620A-B845-D5B4-3024-B444F2F2EB14}"/>
          </ac:spMkLst>
        </pc:spChg>
        <pc:spChg chg="add mod ord modVis">
          <ac:chgData name="Jonathan Cerniaz" userId="3b628a21-462a-4b55-bac2-0c5dbb20dd63" providerId="ADAL" clId="{0994097A-8A61-45A7-B827-345CF4A35BA6}" dt="2024-10-08T02:51:28.515" v="7219"/>
          <ac:spMkLst>
            <pc:docMk/>
            <pc:sldMk cId="4033687353" sldId="296"/>
            <ac:spMk id="89" creationId="{3AFB3B54-C4A9-C390-E731-78901E3F49D5}"/>
          </ac:spMkLst>
        </pc:spChg>
        <pc:spChg chg="add mod ord modVis">
          <ac:chgData name="Jonathan Cerniaz" userId="3b628a21-462a-4b55-bac2-0c5dbb20dd63" providerId="ADAL" clId="{0994097A-8A61-45A7-B827-345CF4A35BA6}" dt="2024-10-08T02:51:28.515" v="7221"/>
          <ac:spMkLst>
            <pc:docMk/>
            <pc:sldMk cId="4033687353" sldId="296"/>
            <ac:spMk id="90" creationId="{2BA5F703-7314-B3F0-9BD6-68EB723512EB}"/>
          </ac:spMkLst>
        </pc:spChg>
        <pc:spChg chg="add mod ord">
          <ac:chgData name="Jonathan Cerniaz" userId="3b628a21-462a-4b55-bac2-0c5dbb20dd63" providerId="ADAL" clId="{0994097A-8A61-45A7-B827-345CF4A35BA6}" dt="2024-10-08T02:51:28.516" v="7223"/>
          <ac:spMkLst>
            <pc:docMk/>
            <pc:sldMk cId="4033687353" sldId="296"/>
            <ac:spMk id="91" creationId="{D658B147-D032-16CF-DC2C-017866E9AD1C}"/>
          </ac:spMkLst>
        </pc:spChg>
        <pc:spChg chg="add mod ord">
          <ac:chgData name="Jonathan Cerniaz" userId="3b628a21-462a-4b55-bac2-0c5dbb20dd63" providerId="ADAL" clId="{0994097A-8A61-45A7-B827-345CF4A35BA6}" dt="2024-10-08T02:51:28.516" v="7225"/>
          <ac:spMkLst>
            <pc:docMk/>
            <pc:sldMk cId="4033687353" sldId="296"/>
            <ac:spMk id="92" creationId="{30119504-9DAD-A0F5-B665-F5DEAD064C99}"/>
          </ac:spMkLst>
        </pc:spChg>
        <pc:spChg chg="add mod ord modVis">
          <ac:chgData name="Jonathan Cerniaz" userId="3b628a21-462a-4b55-bac2-0c5dbb20dd63" providerId="ADAL" clId="{0994097A-8A61-45A7-B827-345CF4A35BA6}" dt="2024-10-08T02:51:28.517" v="7227"/>
          <ac:spMkLst>
            <pc:docMk/>
            <pc:sldMk cId="4033687353" sldId="296"/>
            <ac:spMk id="93" creationId="{F5BA7DD5-CF03-AABF-4A68-8DC9651E9B1F}"/>
          </ac:spMkLst>
        </pc:spChg>
        <pc:spChg chg="add mod ord">
          <ac:chgData name="Jonathan Cerniaz" userId="3b628a21-462a-4b55-bac2-0c5dbb20dd63" providerId="ADAL" clId="{0994097A-8A61-45A7-B827-345CF4A35BA6}" dt="2024-10-08T02:51:28.523" v="7255"/>
          <ac:spMkLst>
            <pc:docMk/>
            <pc:sldMk cId="4033687353" sldId="296"/>
            <ac:spMk id="97" creationId="{95F1B6B5-EFE6-5915-BDF7-9D72EE2CBC47}"/>
          </ac:spMkLst>
        </pc:spChg>
        <pc:spChg chg="add mod ord">
          <ac:chgData name="Jonathan Cerniaz" userId="3b628a21-462a-4b55-bac2-0c5dbb20dd63" providerId="ADAL" clId="{0994097A-8A61-45A7-B827-345CF4A35BA6}" dt="2024-10-08T02:51:28.523" v="7257"/>
          <ac:spMkLst>
            <pc:docMk/>
            <pc:sldMk cId="4033687353" sldId="296"/>
            <ac:spMk id="98" creationId="{CD65FE13-8CED-8D0D-0EFB-0FB5B30BC771}"/>
          </ac:spMkLst>
        </pc:spChg>
        <pc:spChg chg="add mod modVis">
          <ac:chgData name="Jonathan Cerniaz" userId="3b628a21-462a-4b55-bac2-0c5dbb20dd63" providerId="ADAL" clId="{0994097A-8A61-45A7-B827-345CF4A35BA6}" dt="2024-10-08T02:51:28.522" v="7252"/>
          <ac:spMkLst>
            <pc:docMk/>
            <pc:sldMk cId="4033687353" sldId="296"/>
            <ac:spMk id="99" creationId="{0F07D69A-9A4B-03CA-3F74-EAAE7DFEF824}"/>
          </ac:spMkLst>
        </pc:spChg>
        <pc:spChg chg="add del mod ord">
          <ac:chgData name="Jonathan Cerniaz" userId="3b628a21-462a-4b55-bac2-0c5dbb20dd63" providerId="ADAL" clId="{0994097A-8A61-45A7-B827-345CF4A35BA6}" dt="2024-10-07T01:30:07.066" v="4812"/>
          <ac:spMkLst>
            <pc:docMk/>
            <pc:sldMk cId="4033687353" sldId="296"/>
            <ac:spMk id="100" creationId="{F71AF281-0444-CC40-2FD7-F302D1162EF5}"/>
          </ac:spMkLst>
        </pc:spChg>
        <pc:spChg chg="add del mod ord">
          <ac:chgData name="Jonathan Cerniaz" userId="3b628a21-462a-4b55-bac2-0c5dbb20dd63" providerId="ADAL" clId="{0994097A-8A61-45A7-B827-345CF4A35BA6}" dt="2024-10-07T01:30:07.066" v="4814"/>
          <ac:spMkLst>
            <pc:docMk/>
            <pc:sldMk cId="4033687353" sldId="296"/>
            <ac:spMk id="101" creationId="{81EEA693-69C3-D145-0393-73D620B9DBBD}"/>
          </ac:spMkLst>
        </pc:spChg>
        <pc:spChg chg="add del mod">
          <ac:chgData name="Jonathan Cerniaz" userId="3b628a21-462a-4b55-bac2-0c5dbb20dd63" providerId="ADAL" clId="{0994097A-8A61-45A7-B827-345CF4A35BA6}" dt="2024-10-07T01:30:07.068" v="4819"/>
          <ac:spMkLst>
            <pc:docMk/>
            <pc:sldMk cId="4033687353" sldId="296"/>
            <ac:spMk id="102" creationId="{ACD5C066-2459-4217-C3E4-A10E48BB7A94}"/>
          </ac:spMkLst>
        </pc:spChg>
        <pc:spChg chg="add del mod ord">
          <ac:chgData name="Jonathan Cerniaz" userId="3b628a21-462a-4b55-bac2-0c5dbb20dd63" providerId="ADAL" clId="{0994097A-8A61-45A7-B827-345CF4A35BA6}" dt="2024-10-07T01:30:07.067" v="4816"/>
          <ac:spMkLst>
            <pc:docMk/>
            <pc:sldMk cId="4033687353" sldId="296"/>
            <ac:spMk id="103" creationId="{EB804C4E-A2C8-B5D5-FA7F-D6D69BF64829}"/>
          </ac:spMkLst>
        </pc:spChg>
        <pc:spChg chg="add del mod ord">
          <ac:chgData name="Jonathan Cerniaz" userId="3b628a21-462a-4b55-bac2-0c5dbb20dd63" providerId="ADAL" clId="{0994097A-8A61-45A7-B827-345CF4A35BA6}" dt="2024-10-07T01:30:07.068" v="4818"/>
          <ac:spMkLst>
            <pc:docMk/>
            <pc:sldMk cId="4033687353" sldId="296"/>
            <ac:spMk id="104" creationId="{C032CDDB-F05D-82A3-1D15-EFF4F03048BA}"/>
          </ac:spMkLst>
        </pc:spChg>
        <pc:spChg chg="add del mod">
          <ac:chgData name="Jonathan Cerniaz" userId="3b628a21-462a-4b55-bac2-0c5dbb20dd63" providerId="ADAL" clId="{0994097A-8A61-45A7-B827-345CF4A35BA6}" dt="2024-10-07T01:30:07.069" v="4820"/>
          <ac:spMkLst>
            <pc:docMk/>
            <pc:sldMk cId="4033687353" sldId="296"/>
            <ac:spMk id="105" creationId="{5D646103-BBAA-7CCD-87E0-A7048A380DA7}"/>
          </ac:spMkLst>
        </pc:spChg>
        <pc:spChg chg="add mod ord">
          <ac:chgData name="Jonathan Cerniaz" userId="3b628a21-462a-4b55-bac2-0c5dbb20dd63" providerId="ADAL" clId="{0994097A-8A61-45A7-B827-345CF4A35BA6}" dt="2024-10-08T02:51:28.495" v="7147"/>
          <ac:spMkLst>
            <pc:docMk/>
            <pc:sldMk cId="4033687353" sldId="296"/>
            <ac:spMk id="107" creationId="{54858B4E-4297-0211-F06F-D53EA6AE9F29}"/>
          </ac:spMkLst>
        </pc:spChg>
        <pc:spChg chg="add mod ord">
          <ac:chgData name="Jonathan Cerniaz" userId="3b628a21-462a-4b55-bac2-0c5dbb20dd63" providerId="ADAL" clId="{0994097A-8A61-45A7-B827-345CF4A35BA6}" dt="2024-10-08T02:51:28.496" v="7149"/>
          <ac:spMkLst>
            <pc:docMk/>
            <pc:sldMk cId="4033687353" sldId="296"/>
            <ac:spMk id="109" creationId="{EED527D6-3516-3FBF-FD6C-CDDB268F7311}"/>
          </ac:spMkLst>
        </pc:spChg>
        <pc:spChg chg="add mod">
          <ac:chgData name="Jonathan Cerniaz" userId="3b628a21-462a-4b55-bac2-0c5dbb20dd63" providerId="ADAL" clId="{0994097A-8A61-45A7-B827-345CF4A35BA6}" dt="2024-10-08T02:51:28.503" v="7172"/>
          <ac:spMkLst>
            <pc:docMk/>
            <pc:sldMk cId="4033687353" sldId="296"/>
            <ac:spMk id="110" creationId="{1C62771E-5CDB-17E5-C5AD-36F63A95DBED}"/>
          </ac:spMkLst>
        </pc:spChg>
        <pc:spChg chg="add mod modVis">
          <ac:chgData name="Jonathan Cerniaz" userId="3b628a21-462a-4b55-bac2-0c5dbb20dd63" providerId="ADAL" clId="{0994097A-8A61-45A7-B827-345CF4A35BA6}" dt="2024-10-08T02:51:28.506" v="7178"/>
          <ac:spMkLst>
            <pc:docMk/>
            <pc:sldMk cId="4033687353" sldId="296"/>
            <ac:spMk id="111" creationId="{54410169-87B3-63F3-0066-14556C1F22A8}"/>
          </ac:spMkLst>
        </pc:spChg>
        <pc:spChg chg="add mod ord modVis">
          <ac:chgData name="Jonathan Cerniaz" userId="3b628a21-462a-4b55-bac2-0c5dbb20dd63" providerId="ADAL" clId="{0994097A-8A61-45A7-B827-345CF4A35BA6}" dt="2024-10-08T02:51:28.517" v="7229"/>
          <ac:spMkLst>
            <pc:docMk/>
            <pc:sldMk cId="4033687353" sldId="296"/>
            <ac:spMk id="112" creationId="{9D3EAC60-171F-C698-BD16-96D3A66C4CB4}"/>
          </ac:spMkLst>
        </pc:spChg>
        <pc:spChg chg="add mod ord modVis">
          <ac:chgData name="Jonathan Cerniaz" userId="3b628a21-462a-4b55-bac2-0c5dbb20dd63" providerId="ADAL" clId="{0994097A-8A61-45A7-B827-345CF4A35BA6}" dt="2024-10-08T02:51:28.518" v="7231"/>
          <ac:spMkLst>
            <pc:docMk/>
            <pc:sldMk cId="4033687353" sldId="296"/>
            <ac:spMk id="113" creationId="{AF743CE9-4019-91A3-C4F3-59E7125BAC77}"/>
          </ac:spMkLst>
        </pc:spChg>
        <pc:spChg chg="add mod ord modVis">
          <ac:chgData name="Jonathan Cerniaz" userId="3b628a21-462a-4b55-bac2-0c5dbb20dd63" providerId="ADAL" clId="{0994097A-8A61-45A7-B827-345CF4A35BA6}" dt="2024-10-08T02:51:28.518" v="7233"/>
          <ac:spMkLst>
            <pc:docMk/>
            <pc:sldMk cId="4033687353" sldId="296"/>
            <ac:spMk id="114" creationId="{9D6A987C-90D8-D2CA-4FA2-7D4DB477FFB8}"/>
          </ac:spMkLst>
        </pc:spChg>
        <pc:spChg chg="add mod ord">
          <ac:chgData name="Jonathan Cerniaz" userId="3b628a21-462a-4b55-bac2-0c5dbb20dd63" providerId="ADAL" clId="{0994097A-8A61-45A7-B827-345CF4A35BA6}" dt="2024-10-08T02:51:28.518" v="7235"/>
          <ac:spMkLst>
            <pc:docMk/>
            <pc:sldMk cId="4033687353" sldId="296"/>
            <ac:spMk id="115" creationId="{CF72461D-A1C7-F505-4FB0-899E196994AB}"/>
          </ac:spMkLst>
        </pc:spChg>
        <pc:spChg chg="add mod ord">
          <ac:chgData name="Jonathan Cerniaz" userId="3b628a21-462a-4b55-bac2-0c5dbb20dd63" providerId="ADAL" clId="{0994097A-8A61-45A7-B827-345CF4A35BA6}" dt="2024-10-08T02:51:28.519" v="7237"/>
          <ac:spMkLst>
            <pc:docMk/>
            <pc:sldMk cId="4033687353" sldId="296"/>
            <ac:spMk id="116" creationId="{E0552BEE-6CDE-C92B-08AA-9CE5A6FDBAA2}"/>
          </ac:spMkLst>
        </pc:spChg>
        <pc:spChg chg="add mod ord modVis">
          <ac:chgData name="Jonathan Cerniaz" userId="3b628a21-462a-4b55-bac2-0c5dbb20dd63" providerId="ADAL" clId="{0994097A-8A61-45A7-B827-345CF4A35BA6}" dt="2024-10-08T02:51:28.519" v="7239"/>
          <ac:spMkLst>
            <pc:docMk/>
            <pc:sldMk cId="4033687353" sldId="296"/>
            <ac:spMk id="117" creationId="{337EB952-69C0-8F28-F4CB-934B1420467D}"/>
          </ac:spMkLst>
        </pc:spChg>
        <pc:spChg chg="add mod">
          <ac:chgData name="Jonathan Cerniaz" userId="3b628a21-462a-4b55-bac2-0c5dbb20dd63" providerId="ADAL" clId="{0994097A-8A61-45A7-B827-345CF4A35BA6}" dt="2024-10-08T02:51:28.503" v="7173"/>
          <ac:spMkLst>
            <pc:docMk/>
            <pc:sldMk cId="4033687353" sldId="296"/>
            <ac:spMk id="118" creationId="{DADE5E20-CF49-9598-1E1B-69332851239F}"/>
          </ac:spMkLst>
        </pc:spChg>
        <pc:spChg chg="add mod modVis">
          <ac:chgData name="Jonathan Cerniaz" userId="3b628a21-462a-4b55-bac2-0c5dbb20dd63" providerId="ADAL" clId="{0994097A-8A61-45A7-B827-345CF4A35BA6}" dt="2024-10-08T02:51:28.506" v="7179"/>
          <ac:spMkLst>
            <pc:docMk/>
            <pc:sldMk cId="4033687353" sldId="296"/>
            <ac:spMk id="119" creationId="{E0A6DA82-BD0F-BA8C-09A4-59FCCA17845B}"/>
          </ac:spMkLst>
        </pc:spChg>
        <pc:spChg chg="add mod ord modVis">
          <ac:chgData name="Jonathan Cerniaz" userId="3b628a21-462a-4b55-bac2-0c5dbb20dd63" providerId="ADAL" clId="{0994097A-8A61-45A7-B827-345CF4A35BA6}" dt="2024-10-08T02:51:28.519" v="7241"/>
          <ac:spMkLst>
            <pc:docMk/>
            <pc:sldMk cId="4033687353" sldId="296"/>
            <ac:spMk id="120" creationId="{1C55B59D-A9A6-C8E0-15B2-EED83A07E211}"/>
          </ac:spMkLst>
        </pc:spChg>
        <pc:spChg chg="add mod ord modVis">
          <ac:chgData name="Jonathan Cerniaz" userId="3b628a21-462a-4b55-bac2-0c5dbb20dd63" providerId="ADAL" clId="{0994097A-8A61-45A7-B827-345CF4A35BA6}" dt="2024-10-08T02:51:28.520" v="7243"/>
          <ac:spMkLst>
            <pc:docMk/>
            <pc:sldMk cId="4033687353" sldId="296"/>
            <ac:spMk id="121" creationId="{98A664C1-369F-7C9F-8C50-6204EB2CB5B9}"/>
          </ac:spMkLst>
        </pc:spChg>
        <pc:spChg chg="add mod ord modVis">
          <ac:chgData name="Jonathan Cerniaz" userId="3b628a21-462a-4b55-bac2-0c5dbb20dd63" providerId="ADAL" clId="{0994097A-8A61-45A7-B827-345CF4A35BA6}" dt="2024-10-08T02:51:28.520" v="7245"/>
          <ac:spMkLst>
            <pc:docMk/>
            <pc:sldMk cId="4033687353" sldId="296"/>
            <ac:spMk id="122" creationId="{C2FA5529-7595-6061-E516-91EC35E34125}"/>
          </ac:spMkLst>
        </pc:spChg>
        <pc:spChg chg="add mod ord">
          <ac:chgData name="Jonathan Cerniaz" userId="3b628a21-462a-4b55-bac2-0c5dbb20dd63" providerId="ADAL" clId="{0994097A-8A61-45A7-B827-345CF4A35BA6}" dt="2024-10-08T02:51:28.521" v="7247"/>
          <ac:spMkLst>
            <pc:docMk/>
            <pc:sldMk cId="4033687353" sldId="296"/>
            <ac:spMk id="123" creationId="{9945BAF0-D437-2CE0-4BF4-3AC764DD2578}"/>
          </ac:spMkLst>
        </pc:spChg>
        <pc:spChg chg="add mod ord">
          <ac:chgData name="Jonathan Cerniaz" userId="3b628a21-462a-4b55-bac2-0c5dbb20dd63" providerId="ADAL" clId="{0994097A-8A61-45A7-B827-345CF4A35BA6}" dt="2024-10-08T02:51:28.521" v="7249"/>
          <ac:spMkLst>
            <pc:docMk/>
            <pc:sldMk cId="4033687353" sldId="296"/>
            <ac:spMk id="124" creationId="{B5C1591D-FC6C-FB8C-C3A1-952BB6A86B54}"/>
          </ac:spMkLst>
        </pc:spChg>
        <pc:spChg chg="add mod ord modVis">
          <ac:chgData name="Jonathan Cerniaz" userId="3b628a21-462a-4b55-bac2-0c5dbb20dd63" providerId="ADAL" clId="{0994097A-8A61-45A7-B827-345CF4A35BA6}" dt="2024-10-08T02:51:28.522" v="7251"/>
          <ac:spMkLst>
            <pc:docMk/>
            <pc:sldMk cId="4033687353" sldId="296"/>
            <ac:spMk id="125" creationId="{067A22DE-A8CE-753F-3525-BA8981248202}"/>
          </ac:spMkLst>
        </pc:spChg>
        <pc:spChg chg="add mod ord">
          <ac:chgData name="Jonathan Cerniaz" userId="3b628a21-462a-4b55-bac2-0c5dbb20dd63" providerId="ADAL" clId="{0994097A-8A61-45A7-B827-345CF4A35BA6}" dt="2024-10-07T01:46:07.952" v="6538"/>
          <ac:spMkLst>
            <pc:docMk/>
            <pc:sldMk cId="4033687353" sldId="296"/>
            <ac:spMk id="127" creationId="{1661F37E-5F01-7811-2F41-7CE54052087F}"/>
          </ac:spMkLst>
        </pc:spChg>
        <pc:spChg chg="add mod ord">
          <ac:chgData name="Jonathan Cerniaz" userId="3b628a21-462a-4b55-bac2-0c5dbb20dd63" providerId="ADAL" clId="{0994097A-8A61-45A7-B827-345CF4A35BA6}" dt="2024-10-07T01:46:07.952" v="6540"/>
          <ac:spMkLst>
            <pc:docMk/>
            <pc:sldMk cId="4033687353" sldId="296"/>
            <ac:spMk id="128" creationId="{953E0554-383C-2922-DBBB-7C16372582F6}"/>
          </ac:spMkLst>
        </pc:spChg>
        <pc:spChg chg="add mod modVis">
          <ac:chgData name="Jonathan Cerniaz" userId="3b628a21-462a-4b55-bac2-0c5dbb20dd63" providerId="ADAL" clId="{0994097A-8A61-45A7-B827-345CF4A35BA6}" dt="2024-10-08T02:51:28.522" v="7253"/>
          <ac:spMkLst>
            <pc:docMk/>
            <pc:sldMk cId="4033687353" sldId="296"/>
            <ac:spMk id="129" creationId="{A9E6207C-0E76-709F-B42E-102AE196A988}"/>
          </ac:spMkLst>
        </pc:spChg>
        <pc:picChg chg="add del mod">
          <ac:chgData name="Jonathan Cerniaz" userId="3b628a21-462a-4b55-bac2-0c5dbb20dd63" providerId="ADAL" clId="{0994097A-8A61-45A7-B827-345CF4A35BA6}" dt="2024-10-07T01:05:05.402" v="2385" actId="478"/>
          <ac:picMkLst>
            <pc:docMk/>
            <pc:sldMk cId="4033687353" sldId="296"/>
            <ac:picMk id="62" creationId="{D5474E07-66E5-E6AB-9BB9-7C0A2E14344F}"/>
          </ac:picMkLst>
        </pc:picChg>
        <pc:picChg chg="add mod ord">
          <ac:chgData name="Jonathan Cerniaz" userId="3b628a21-462a-4b55-bac2-0c5dbb20dd63" providerId="ADAL" clId="{0994097A-8A61-45A7-B827-345CF4A35BA6}" dt="2024-10-08T02:51:28.550" v="7263"/>
          <ac:picMkLst>
            <pc:docMk/>
            <pc:sldMk cId="4033687353" sldId="296"/>
            <ac:picMk id="63" creationId="{99136D84-611D-9A96-48EF-10B319B951A8}"/>
          </ac:picMkLst>
        </pc:picChg>
        <pc:picChg chg="add del mod">
          <ac:chgData name="Jonathan Cerniaz" userId="3b628a21-462a-4b55-bac2-0c5dbb20dd63" providerId="ADAL" clId="{0994097A-8A61-45A7-B827-345CF4A35BA6}" dt="2024-10-07T01:05:14.691" v="2388" actId="478"/>
          <ac:picMkLst>
            <pc:docMk/>
            <pc:sldMk cId="4033687353" sldId="296"/>
            <ac:picMk id="65" creationId="{A23DC020-8E01-16D9-A4A4-275135D9EF7B}"/>
          </ac:picMkLst>
        </pc:picChg>
        <pc:cxnChg chg="add mod ord">
          <ac:chgData name="Jonathan Cerniaz" userId="3b628a21-462a-4b55-bac2-0c5dbb20dd63" providerId="ADAL" clId="{0994097A-8A61-45A7-B827-345CF4A35BA6}" dt="2024-10-08T02:51:28.488" v="7123"/>
          <ac:cxnSpMkLst>
            <pc:docMk/>
            <pc:sldMk cId="4033687353" sldId="296"/>
            <ac:cxnSpMk id="2" creationId="{14B66BE5-4526-8866-9767-A32345D9B9A1}"/>
          </ac:cxnSpMkLst>
        </pc:cxnChg>
        <pc:cxnChg chg="add del mod ord">
          <ac:chgData name="Jonathan Cerniaz" userId="3b628a21-462a-4b55-bac2-0c5dbb20dd63" providerId="ADAL" clId="{0994097A-8A61-45A7-B827-345CF4A35BA6}" dt="2024-10-07T01:25:59.248" v="4561"/>
          <ac:cxnSpMkLst>
            <pc:docMk/>
            <pc:sldMk cId="4033687353" sldId="296"/>
            <ac:cxnSpMk id="2" creationId="{B92A5F13-C1F3-3182-5135-3D37203AE070}"/>
          </ac:cxnSpMkLst>
        </pc:cxnChg>
        <pc:cxnChg chg="add mod ord">
          <ac:chgData name="Jonathan Cerniaz" userId="3b628a21-462a-4b55-bac2-0c5dbb20dd63" providerId="ADAL" clId="{0994097A-8A61-45A7-B827-345CF4A35BA6}" dt="2024-10-08T02:51:28.496" v="7151"/>
          <ac:cxnSpMkLst>
            <pc:docMk/>
            <pc:sldMk cId="4033687353" sldId="296"/>
            <ac:cxnSpMk id="12" creationId="{33E23D5D-7BFB-7761-A879-8FB341B5BBD7}"/>
          </ac:cxnSpMkLst>
        </pc:cxnChg>
        <pc:cxnChg chg="add mod ord">
          <ac:chgData name="Jonathan Cerniaz" userId="3b628a21-462a-4b55-bac2-0c5dbb20dd63" providerId="ADAL" clId="{0994097A-8A61-45A7-B827-345CF4A35BA6}" dt="2024-10-08T02:51:28.497" v="7153"/>
          <ac:cxnSpMkLst>
            <pc:docMk/>
            <pc:sldMk cId="4033687353" sldId="296"/>
            <ac:cxnSpMk id="14" creationId="{8BA9AF1B-FC83-7F0F-13DB-9C1E95CFF9B1}"/>
          </ac:cxnSpMkLst>
        </pc:cxnChg>
        <pc:cxnChg chg="add mod ord">
          <ac:chgData name="Jonathan Cerniaz" userId="3b628a21-462a-4b55-bac2-0c5dbb20dd63" providerId="ADAL" clId="{0994097A-8A61-45A7-B827-345CF4A35BA6}" dt="2024-10-08T02:51:28.498" v="7155"/>
          <ac:cxnSpMkLst>
            <pc:docMk/>
            <pc:sldMk cId="4033687353" sldId="296"/>
            <ac:cxnSpMk id="16" creationId="{0BF94EE0-67C9-6E3E-F41D-F96E0424858E}"/>
          </ac:cxnSpMkLst>
        </pc:cxnChg>
        <pc:cxnChg chg="add mod ord">
          <ac:chgData name="Jonathan Cerniaz" userId="3b628a21-462a-4b55-bac2-0c5dbb20dd63" providerId="ADAL" clId="{0994097A-8A61-45A7-B827-345CF4A35BA6}" dt="2024-10-08T02:51:28.498" v="7157"/>
          <ac:cxnSpMkLst>
            <pc:docMk/>
            <pc:sldMk cId="4033687353" sldId="296"/>
            <ac:cxnSpMk id="18" creationId="{9FFC28F0-4D0A-C142-C04B-B6B7B789826D}"/>
          </ac:cxnSpMkLst>
        </pc:cxnChg>
        <pc:cxnChg chg="add mod ord">
          <ac:chgData name="Jonathan Cerniaz" userId="3b628a21-462a-4b55-bac2-0c5dbb20dd63" providerId="ADAL" clId="{0994097A-8A61-45A7-B827-345CF4A35BA6}" dt="2024-10-08T02:51:28.498" v="7159"/>
          <ac:cxnSpMkLst>
            <pc:docMk/>
            <pc:sldMk cId="4033687353" sldId="296"/>
            <ac:cxnSpMk id="20" creationId="{8A5AB85B-3376-60DF-9AC9-7318122B5A49}"/>
          </ac:cxnSpMkLst>
        </pc:cxnChg>
        <pc:cxnChg chg="add mod ord">
          <ac:chgData name="Jonathan Cerniaz" userId="3b628a21-462a-4b55-bac2-0c5dbb20dd63" providerId="ADAL" clId="{0994097A-8A61-45A7-B827-345CF4A35BA6}" dt="2024-10-08T02:51:28.499" v="7161"/>
          <ac:cxnSpMkLst>
            <pc:docMk/>
            <pc:sldMk cId="4033687353" sldId="296"/>
            <ac:cxnSpMk id="22" creationId="{07D01BDD-368E-D750-5AA3-EDC6C33C2D13}"/>
          </ac:cxnSpMkLst>
        </pc:cxnChg>
        <pc:cxnChg chg="add mod ord">
          <ac:chgData name="Jonathan Cerniaz" userId="3b628a21-462a-4b55-bac2-0c5dbb20dd63" providerId="ADAL" clId="{0994097A-8A61-45A7-B827-345CF4A35BA6}" dt="2024-10-08T02:51:28.499" v="7163"/>
          <ac:cxnSpMkLst>
            <pc:docMk/>
            <pc:sldMk cId="4033687353" sldId="296"/>
            <ac:cxnSpMk id="24" creationId="{277BE829-FF06-7B8E-183D-2CD8E5A49178}"/>
          </ac:cxnSpMkLst>
        </pc:cxnChg>
        <pc:cxnChg chg="add del mod ord">
          <ac:chgData name="Jonathan Cerniaz" userId="3b628a21-462a-4b55-bac2-0c5dbb20dd63" providerId="ADAL" clId="{0994097A-8A61-45A7-B827-345CF4A35BA6}" dt="2024-10-07T01:25:59.247" v="4559"/>
          <ac:cxnSpMkLst>
            <pc:docMk/>
            <pc:sldMk cId="4033687353" sldId="296"/>
            <ac:cxnSpMk id="26" creationId="{57046015-D2D6-3522-92F7-EE6847CDBF03}"/>
          </ac:cxnSpMkLst>
        </pc:cxnChg>
        <pc:cxnChg chg="add del mod ord">
          <ac:chgData name="Jonathan Cerniaz" userId="3b628a21-462a-4b55-bac2-0c5dbb20dd63" providerId="ADAL" clId="{0994097A-8A61-45A7-B827-345CF4A35BA6}" dt="2024-10-07T01:13:09.930" v="3729"/>
          <ac:cxnSpMkLst>
            <pc:docMk/>
            <pc:sldMk cId="4033687353" sldId="296"/>
            <ac:cxnSpMk id="28" creationId="{E340722F-FF3E-4461-437C-28CEAA6E61A1}"/>
          </ac:cxnSpMkLst>
        </pc:cxnChg>
        <pc:cxnChg chg="add del mod ord">
          <ac:chgData name="Jonathan Cerniaz" userId="3b628a21-462a-4b55-bac2-0c5dbb20dd63" providerId="ADAL" clId="{0994097A-8A61-45A7-B827-345CF4A35BA6}" dt="2024-10-07T01:13:09.930" v="3731"/>
          <ac:cxnSpMkLst>
            <pc:docMk/>
            <pc:sldMk cId="4033687353" sldId="296"/>
            <ac:cxnSpMk id="29" creationId="{00C24070-2996-C73A-B3ED-CF84241E3B9A}"/>
          </ac:cxnSpMkLst>
        </pc:cxnChg>
        <pc:cxnChg chg="add del mod ord">
          <ac:chgData name="Jonathan Cerniaz" userId="3b628a21-462a-4b55-bac2-0c5dbb20dd63" providerId="ADAL" clId="{0994097A-8A61-45A7-B827-345CF4A35BA6}" dt="2024-10-07T01:13:09.931" v="3733"/>
          <ac:cxnSpMkLst>
            <pc:docMk/>
            <pc:sldMk cId="4033687353" sldId="296"/>
            <ac:cxnSpMk id="30" creationId="{CEF3E939-36A5-F848-271C-F691AB14B295}"/>
          </ac:cxnSpMkLst>
        </pc:cxnChg>
        <pc:cxnChg chg="add del mod ord">
          <ac:chgData name="Jonathan Cerniaz" userId="3b628a21-462a-4b55-bac2-0c5dbb20dd63" providerId="ADAL" clId="{0994097A-8A61-45A7-B827-345CF4A35BA6}" dt="2024-10-07T01:13:09.931" v="3735"/>
          <ac:cxnSpMkLst>
            <pc:docMk/>
            <pc:sldMk cId="4033687353" sldId="296"/>
            <ac:cxnSpMk id="31" creationId="{56BE6A26-4B9F-23F5-51DD-73CE953EBAAE}"/>
          </ac:cxnSpMkLst>
        </pc:cxnChg>
        <pc:cxnChg chg="add del mod ord">
          <ac:chgData name="Jonathan Cerniaz" userId="3b628a21-462a-4b55-bac2-0c5dbb20dd63" providerId="ADAL" clId="{0994097A-8A61-45A7-B827-345CF4A35BA6}" dt="2024-10-07T01:13:09.932" v="3737"/>
          <ac:cxnSpMkLst>
            <pc:docMk/>
            <pc:sldMk cId="4033687353" sldId="296"/>
            <ac:cxnSpMk id="32" creationId="{05655513-7B7B-A50C-D79E-B7294EF51FE5}"/>
          </ac:cxnSpMkLst>
        </pc:cxnChg>
        <pc:cxnChg chg="add del mod ord">
          <ac:chgData name="Jonathan Cerniaz" userId="3b628a21-462a-4b55-bac2-0c5dbb20dd63" providerId="ADAL" clId="{0994097A-8A61-45A7-B827-345CF4A35BA6}" dt="2024-10-07T01:13:09.932" v="3739"/>
          <ac:cxnSpMkLst>
            <pc:docMk/>
            <pc:sldMk cId="4033687353" sldId="296"/>
            <ac:cxnSpMk id="33" creationId="{80742DC2-0309-33DA-ADA3-415FEDB9A734}"/>
          </ac:cxnSpMkLst>
        </pc:cxnChg>
        <pc:cxnChg chg="add del mod ord">
          <ac:chgData name="Jonathan Cerniaz" userId="3b628a21-462a-4b55-bac2-0c5dbb20dd63" providerId="ADAL" clId="{0994097A-8A61-45A7-B827-345CF4A35BA6}" dt="2024-10-07T01:13:09.933" v="3741"/>
          <ac:cxnSpMkLst>
            <pc:docMk/>
            <pc:sldMk cId="4033687353" sldId="296"/>
            <ac:cxnSpMk id="34" creationId="{AE4FA9C4-6CB3-6C63-A053-3B201B737FD7}"/>
          </ac:cxnSpMkLst>
        </pc:cxnChg>
        <pc:cxnChg chg="add mod ord">
          <ac:chgData name="Jonathan Cerniaz" userId="3b628a21-462a-4b55-bac2-0c5dbb20dd63" providerId="ADAL" clId="{0994097A-8A61-45A7-B827-345CF4A35BA6}" dt="2024-10-08T02:51:28.487" v="7121"/>
          <ac:cxnSpMkLst>
            <pc:docMk/>
            <pc:sldMk cId="4033687353" sldId="296"/>
            <ac:cxnSpMk id="94" creationId="{140A6FEC-EF4E-9624-73A2-E505EDE7CDA9}"/>
          </ac:cxnSpMkLst>
        </pc:cxnChg>
        <pc:cxnChg chg="add del mod ord">
          <ac:chgData name="Jonathan Cerniaz" userId="3b628a21-462a-4b55-bac2-0c5dbb20dd63" providerId="ADAL" clId="{0994097A-8A61-45A7-B827-345CF4A35BA6}" dt="2024-10-07T01:30:07.069" v="4822"/>
          <ac:cxnSpMkLst>
            <pc:docMk/>
            <pc:sldMk cId="4033687353" sldId="296"/>
            <ac:cxnSpMk id="95" creationId="{278672D1-1128-7AF7-7D7C-182BFF9DC83B}"/>
          </ac:cxnSpMkLst>
        </pc:cxnChg>
        <pc:cxnChg chg="add del mod ord">
          <ac:chgData name="Jonathan Cerniaz" userId="3b628a21-462a-4b55-bac2-0c5dbb20dd63" providerId="ADAL" clId="{0994097A-8A61-45A7-B827-345CF4A35BA6}" dt="2024-10-07T01:30:07.070" v="4824"/>
          <ac:cxnSpMkLst>
            <pc:docMk/>
            <pc:sldMk cId="4033687353" sldId="296"/>
            <ac:cxnSpMk id="96" creationId="{FC51551C-367F-577B-69E0-54C7F4FF3E05}"/>
          </ac:cxnSpMkLst>
        </pc:cxnChg>
        <pc:cxnChg chg="add mod ord">
          <ac:chgData name="Jonathan Cerniaz" userId="3b628a21-462a-4b55-bac2-0c5dbb20dd63" providerId="ADAL" clId="{0994097A-8A61-45A7-B827-345CF4A35BA6}" dt="2024-10-08T02:51:28.500" v="7165"/>
          <ac:cxnSpMkLst>
            <pc:docMk/>
            <pc:sldMk cId="4033687353" sldId="296"/>
            <ac:cxnSpMk id="106" creationId="{7BEA4FF5-9BDF-D2DC-6EFF-0F55287C8835}"/>
          </ac:cxnSpMkLst>
        </pc:cxnChg>
        <pc:cxnChg chg="add mod ord">
          <ac:chgData name="Jonathan Cerniaz" userId="3b628a21-462a-4b55-bac2-0c5dbb20dd63" providerId="ADAL" clId="{0994097A-8A61-45A7-B827-345CF4A35BA6}" dt="2024-10-08T02:51:28.500" v="7167"/>
          <ac:cxnSpMkLst>
            <pc:docMk/>
            <pc:sldMk cId="4033687353" sldId="296"/>
            <ac:cxnSpMk id="108" creationId="{4DBB7781-1571-F5B9-E937-7D4D85011E65}"/>
          </ac:cxnSpMkLst>
        </pc:cxnChg>
        <pc:cxnChg chg="add mod ord">
          <ac:chgData name="Jonathan Cerniaz" userId="3b628a21-462a-4b55-bac2-0c5dbb20dd63" providerId="ADAL" clId="{0994097A-8A61-45A7-B827-345CF4A35BA6}" dt="2024-10-07T01:46:07.923" v="6402"/>
          <ac:cxnSpMkLst>
            <pc:docMk/>
            <pc:sldMk cId="4033687353" sldId="296"/>
            <ac:cxnSpMk id="126" creationId="{44641615-4AD8-28CC-A5ED-AD1D4259F29D}"/>
          </ac:cxnSpMkLst>
        </pc:cxnChg>
      </pc:sldChg>
      <pc:sldChg chg="modSp mod">
        <pc:chgData name="Jonathan Cerniaz" userId="3b628a21-462a-4b55-bac2-0c5dbb20dd63" providerId="ADAL" clId="{0994097A-8A61-45A7-B827-345CF4A35BA6}" dt="2024-10-07T21:14:39.248" v="6555" actId="1076"/>
        <pc:sldMkLst>
          <pc:docMk/>
          <pc:sldMk cId="151253258" sldId="297"/>
        </pc:sldMkLst>
        <pc:picChg chg="mod">
          <ac:chgData name="Jonathan Cerniaz" userId="3b628a21-462a-4b55-bac2-0c5dbb20dd63" providerId="ADAL" clId="{0994097A-8A61-45A7-B827-345CF4A35BA6}" dt="2024-10-07T21:14:39.248" v="6555" actId="1076"/>
          <ac:picMkLst>
            <pc:docMk/>
            <pc:sldMk cId="151253258" sldId="297"/>
            <ac:picMk id="4" creationId="{A8E5EA78-1680-5F20-DB17-9338FE6FA53F}"/>
          </ac:picMkLst>
        </pc:picChg>
      </pc:sldChg>
    </pc:docChg>
  </pc:docChgLst>
  <pc:docChgLst>
    <pc:chgData name="Joseph Guzman" userId="S::joseph.guzman@student.csulb.edu::17ccc4ac-b72a-4c03-9511-790abe281be7" providerId="AD" clId="Web-{91879045-A45A-6181-891F-93F176048779}"/>
    <pc:docChg chg="modSld">
      <pc:chgData name="Joseph Guzman" userId="S::joseph.guzman@student.csulb.edu::17ccc4ac-b72a-4c03-9511-790abe281be7" providerId="AD" clId="Web-{91879045-A45A-6181-891F-93F176048779}" dt="2024-10-06T05:57:01.171" v="199"/>
      <pc:docMkLst>
        <pc:docMk/>
      </pc:docMkLst>
      <pc:sldChg chg="addSp delSp modSp">
        <pc:chgData name="Joseph Guzman" userId="S::joseph.guzman@student.csulb.edu::17ccc4ac-b72a-4c03-9511-790abe281be7" providerId="AD" clId="Web-{91879045-A45A-6181-891F-93F176048779}" dt="2024-10-06T05:45:45.152" v="195" actId="1076"/>
        <pc:sldMkLst>
          <pc:docMk/>
          <pc:sldMk cId="636929804" sldId="282"/>
        </pc:sldMkLst>
        <pc:spChg chg="mod">
          <ac:chgData name="Joseph Guzman" userId="S::joseph.guzman@student.csulb.edu::17ccc4ac-b72a-4c03-9511-790abe281be7" providerId="AD" clId="Web-{91879045-A45A-6181-891F-93F176048779}" dt="2024-10-06T05:44:26.897" v="189" actId="14100"/>
          <ac:spMkLst>
            <pc:docMk/>
            <pc:sldMk cId="636929804" sldId="282"/>
            <ac:spMk id="2" creationId="{8B27D9B3-B64F-656A-0D99-161A6C0F518F}"/>
          </ac:spMkLst>
        </pc:spChg>
        <pc:spChg chg="add mod">
          <ac:chgData name="Joseph Guzman" userId="S::joseph.guzman@student.csulb.edu::17ccc4ac-b72a-4c03-9511-790abe281be7" providerId="AD" clId="Web-{91879045-A45A-6181-891F-93F176048779}" dt="2024-10-06T05:44:12.333" v="183"/>
          <ac:spMkLst>
            <pc:docMk/>
            <pc:sldMk cId="636929804" sldId="282"/>
            <ac:spMk id="4" creationId="{D2C60F32-AA63-F4FE-B457-DD9C324820E7}"/>
          </ac:spMkLst>
        </pc:spChg>
        <pc:spChg chg="add mod">
          <ac:chgData name="Joseph Guzman" userId="S::joseph.guzman@student.csulb.edu::17ccc4ac-b72a-4c03-9511-790abe281be7" providerId="AD" clId="Web-{91879045-A45A-6181-891F-93F176048779}" dt="2024-10-06T05:44:14.271" v="184"/>
          <ac:spMkLst>
            <pc:docMk/>
            <pc:sldMk cId="636929804" sldId="282"/>
            <ac:spMk id="6" creationId="{FCACB936-DD2F-A2BD-A8B1-BC454ED9064A}"/>
          </ac:spMkLst>
        </pc:spChg>
        <pc:spChg chg="add mod">
          <ac:chgData name="Joseph Guzman" userId="S::joseph.guzman@student.csulb.edu::17ccc4ac-b72a-4c03-9511-790abe281be7" providerId="AD" clId="Web-{91879045-A45A-6181-891F-93F176048779}" dt="2024-10-06T05:44:15.708" v="185"/>
          <ac:spMkLst>
            <pc:docMk/>
            <pc:sldMk cId="636929804" sldId="282"/>
            <ac:spMk id="8" creationId="{6F3A1E35-FBF8-4091-889C-D7B7655CCE1D}"/>
          </ac:spMkLst>
        </pc:spChg>
        <pc:spChg chg="add del mod">
          <ac:chgData name="Joseph Guzman" userId="S::joseph.guzman@student.csulb.edu::17ccc4ac-b72a-4c03-9511-790abe281be7" providerId="AD" clId="Web-{91879045-A45A-6181-891F-93F176048779}" dt="2024-10-06T05:44:28.194" v="190"/>
          <ac:spMkLst>
            <pc:docMk/>
            <pc:sldMk cId="636929804" sldId="282"/>
            <ac:spMk id="10" creationId="{052BB53C-F189-5BA2-F60A-12325DBBC0C6}"/>
          </ac:spMkLst>
        </pc:spChg>
        <pc:spChg chg="del">
          <ac:chgData name="Joseph Guzman" userId="S::joseph.guzman@student.csulb.edu::17ccc4ac-b72a-4c03-9511-790abe281be7" providerId="AD" clId="Web-{91879045-A45A-6181-891F-93F176048779}" dt="2024-10-06T05:44:14.271" v="184"/>
          <ac:spMkLst>
            <pc:docMk/>
            <pc:sldMk cId="636929804" sldId="282"/>
            <ac:spMk id="13" creationId="{7E5B6E40-3A7D-ACF7-AA38-25977D322D81}"/>
          </ac:spMkLst>
        </pc:spChg>
        <pc:spChg chg="del">
          <ac:chgData name="Joseph Guzman" userId="S::joseph.guzman@student.csulb.edu::17ccc4ac-b72a-4c03-9511-790abe281be7" providerId="AD" clId="Web-{91879045-A45A-6181-891F-93F176048779}" dt="2024-10-06T05:44:17.115" v="186"/>
          <ac:spMkLst>
            <pc:docMk/>
            <pc:sldMk cId="636929804" sldId="282"/>
            <ac:spMk id="14" creationId="{5112969F-EB84-49D5-7100-1FB28870FB30}"/>
          </ac:spMkLst>
        </pc:spChg>
        <pc:spChg chg="del">
          <ac:chgData name="Joseph Guzman" userId="S::joseph.guzman@student.csulb.edu::17ccc4ac-b72a-4c03-9511-790abe281be7" providerId="AD" clId="Web-{91879045-A45A-6181-891F-93F176048779}" dt="2024-10-06T05:44:15.708" v="185"/>
          <ac:spMkLst>
            <pc:docMk/>
            <pc:sldMk cId="636929804" sldId="282"/>
            <ac:spMk id="15" creationId="{A536BD54-EFA1-25A2-9F04-4F22C36E2A5D}"/>
          </ac:spMkLst>
        </pc:spChg>
        <pc:spChg chg="del">
          <ac:chgData name="Joseph Guzman" userId="S::joseph.guzman@student.csulb.edu::17ccc4ac-b72a-4c03-9511-790abe281be7" providerId="AD" clId="Web-{91879045-A45A-6181-891F-93F176048779}" dt="2024-10-06T05:44:12.333" v="183"/>
          <ac:spMkLst>
            <pc:docMk/>
            <pc:sldMk cId="636929804" sldId="282"/>
            <ac:spMk id="36" creationId="{E71298F0-74F1-FECA-0F02-495F9A2EBA7B}"/>
          </ac:spMkLst>
        </pc:spChg>
        <pc:picChg chg="add mod ord">
          <ac:chgData name="Joseph Guzman" userId="S::joseph.guzman@student.csulb.edu::17ccc4ac-b72a-4c03-9511-790abe281be7" providerId="AD" clId="Web-{91879045-A45A-6181-891F-93F176048779}" dt="2024-10-06T05:45:45.152" v="195" actId="1076"/>
          <ac:picMkLst>
            <pc:docMk/>
            <pc:sldMk cId="636929804" sldId="282"/>
            <ac:picMk id="11" creationId="{5A89C84F-A66A-8DDB-991B-DBA4D2BF6889}"/>
          </ac:picMkLst>
        </pc:picChg>
      </pc:sldChg>
      <pc:sldChg chg="addSp delSp modSp">
        <pc:chgData name="Joseph Guzman" userId="S::joseph.guzman@student.csulb.edu::17ccc4ac-b72a-4c03-9511-790abe281be7" providerId="AD" clId="Web-{91879045-A45A-6181-891F-93F176048779}" dt="2024-10-06T05:57:01.171" v="199"/>
        <pc:sldMkLst>
          <pc:docMk/>
          <pc:sldMk cId="1658164610" sldId="283"/>
        </pc:sldMkLst>
        <pc:spChg chg="add mod">
          <ac:chgData name="Joseph Guzman" userId="S::joseph.guzman@student.csulb.edu::17ccc4ac-b72a-4c03-9511-790abe281be7" providerId="AD" clId="Web-{91879045-A45A-6181-891F-93F176048779}" dt="2024-10-06T05:52:33.041" v="197"/>
          <ac:spMkLst>
            <pc:docMk/>
            <pc:sldMk cId="1658164610" sldId="283"/>
            <ac:spMk id="4" creationId="{DB1DFFE4-A86E-E322-945E-D8CE77A81B94}"/>
          </ac:spMkLst>
        </pc:spChg>
        <pc:spChg chg="del mod">
          <ac:chgData name="Joseph Guzman" userId="S::joseph.guzman@student.csulb.edu::17ccc4ac-b72a-4c03-9511-790abe281be7" providerId="AD" clId="Web-{91879045-A45A-6181-891F-93F176048779}" dt="2024-10-06T05:57:01.171" v="199"/>
          <ac:spMkLst>
            <pc:docMk/>
            <pc:sldMk cId="1658164610" sldId="283"/>
            <ac:spMk id="6" creationId="{B587B122-1579-FDB8-443B-F05E622163C3}"/>
          </ac:spMkLst>
        </pc:spChg>
        <pc:graphicFrameChg chg="add mod ord modGraphic">
          <ac:chgData name="Joseph Guzman" userId="S::joseph.guzman@student.csulb.edu::17ccc4ac-b72a-4c03-9511-790abe281be7" providerId="AD" clId="Web-{91879045-A45A-6181-891F-93F176048779}" dt="2024-10-06T05:57:01.171" v="199"/>
          <ac:graphicFrameMkLst>
            <pc:docMk/>
            <pc:sldMk cId="1658164610" sldId="283"/>
            <ac:graphicFrameMk id="7" creationId="{D41B5344-1C27-EC97-76C1-23FE278EA8C6}"/>
          </ac:graphicFrameMkLst>
        </pc:graphicFrameChg>
        <pc:graphicFrameChg chg="del">
          <ac:chgData name="Joseph Guzman" userId="S::joseph.guzman@student.csulb.edu::17ccc4ac-b72a-4c03-9511-790abe281be7" providerId="AD" clId="Web-{91879045-A45A-6181-891F-93F176048779}" dt="2024-10-06T05:52:33.041" v="197"/>
          <ac:graphicFrameMkLst>
            <pc:docMk/>
            <pc:sldMk cId="1658164610" sldId="283"/>
            <ac:graphicFrameMk id="10" creationId="{98ED67AF-B48B-F5F8-E2FD-1C98C42C4D54}"/>
          </ac:graphicFrameMkLst>
        </pc:graphicFrameChg>
      </pc:sldChg>
      <pc:sldChg chg="addSp delSp modSp">
        <pc:chgData name="Joseph Guzman" userId="S::joseph.guzman@student.csulb.edu::17ccc4ac-b72a-4c03-9511-790abe281be7" providerId="AD" clId="Web-{91879045-A45A-6181-891F-93F176048779}" dt="2024-10-06T05:52:28.868" v="196"/>
        <pc:sldMkLst>
          <pc:docMk/>
          <pc:sldMk cId="2791821786" sldId="285"/>
        </pc:sldMkLst>
        <pc:spChg chg="add mod">
          <ac:chgData name="Joseph Guzman" userId="S::joseph.guzman@student.csulb.edu::17ccc4ac-b72a-4c03-9511-790abe281be7" providerId="AD" clId="Web-{91879045-A45A-6181-891F-93F176048779}" dt="2024-10-06T05:52:28.868" v="196"/>
          <ac:spMkLst>
            <pc:docMk/>
            <pc:sldMk cId="2791821786" sldId="285"/>
            <ac:spMk id="3" creationId="{4A52F19F-778C-4E1A-FBE7-B34E0883C868}"/>
          </ac:spMkLst>
        </pc:spChg>
        <pc:graphicFrameChg chg="del">
          <ac:chgData name="Joseph Guzman" userId="S::joseph.guzman@student.csulb.edu::17ccc4ac-b72a-4c03-9511-790abe281be7" providerId="AD" clId="Web-{91879045-A45A-6181-891F-93F176048779}" dt="2024-10-06T05:52:28.868" v="196"/>
          <ac:graphicFrameMkLst>
            <pc:docMk/>
            <pc:sldMk cId="2791821786" sldId="285"/>
            <ac:graphicFrameMk id="13" creationId="{4A94C7BE-6E60-66F0-EFD4-2F452B0D743A}"/>
          </ac:graphicFrameMkLst>
        </pc:graphicFrameChg>
      </pc:sldChg>
      <pc:sldChg chg="modSp">
        <pc:chgData name="Joseph Guzman" userId="S::joseph.guzman@student.csulb.edu::17ccc4ac-b72a-4c03-9511-790abe281be7" providerId="AD" clId="Web-{91879045-A45A-6181-891F-93F176048779}" dt="2024-10-06T05:42:10.870" v="182" actId="20577"/>
        <pc:sldMkLst>
          <pc:docMk/>
          <pc:sldMk cId="212836177" sldId="289"/>
        </pc:sldMkLst>
        <pc:spChg chg="mod">
          <ac:chgData name="Joseph Guzman" userId="S::joseph.guzman@student.csulb.edu::17ccc4ac-b72a-4c03-9511-790abe281be7" providerId="AD" clId="Web-{91879045-A45A-6181-891F-93F176048779}" dt="2024-10-06T05:42:10.870" v="182" actId="20577"/>
          <ac:spMkLst>
            <pc:docMk/>
            <pc:sldMk cId="212836177" sldId="289"/>
            <ac:spMk id="16" creationId="{643FCF67-F77E-F85B-D12A-D5EA4CFC907B}"/>
          </ac:spMkLst>
        </pc:spChg>
      </pc:sldChg>
    </pc:docChg>
  </pc:docChgLst>
  <pc:docChgLst>
    <pc:chgData name="Afzal Hakim" userId="S::afzal.hakim01@student.csulb.edu::ee081cca-c90c-49e4-a214-d12c9d0e9c2b" providerId="AD" clId="Web-{DF48DB13-3F31-B5B1-1F5D-A1C45E62ECA5}"/>
    <pc:docChg chg="addSld delSld modSld">
      <pc:chgData name="Afzal Hakim" userId="S::afzal.hakim01@student.csulb.edu::ee081cca-c90c-49e4-a214-d12c9d0e9c2b" providerId="AD" clId="Web-{DF48DB13-3F31-B5B1-1F5D-A1C45E62ECA5}" dt="2024-10-04T22:53:20.298" v="155" actId="20577"/>
      <pc:docMkLst>
        <pc:docMk/>
      </pc:docMkLst>
      <pc:sldChg chg="modSp">
        <pc:chgData name="Afzal Hakim" userId="S::afzal.hakim01@student.csulb.edu::ee081cca-c90c-49e4-a214-d12c9d0e9c2b" providerId="AD" clId="Web-{DF48DB13-3F31-B5B1-1F5D-A1C45E62ECA5}" dt="2024-10-04T22:41:19.219" v="91" actId="20577"/>
        <pc:sldMkLst>
          <pc:docMk/>
          <pc:sldMk cId="3571516367" sldId="258"/>
        </pc:sldMkLst>
        <pc:spChg chg="mod">
          <ac:chgData name="Afzal Hakim" userId="S::afzal.hakim01@student.csulb.edu::ee081cca-c90c-49e4-a214-d12c9d0e9c2b" providerId="AD" clId="Web-{DF48DB13-3F31-B5B1-1F5D-A1C45E62ECA5}" dt="2024-10-04T22:41:19.219" v="91" actId="20577"/>
          <ac:spMkLst>
            <pc:docMk/>
            <pc:sldMk cId="3571516367" sldId="258"/>
            <ac:spMk id="3" creationId="{9D5232F9-FD00-464A-9F17-619C91AEF8F3}"/>
          </ac:spMkLst>
        </pc:spChg>
      </pc:sldChg>
      <pc:sldChg chg="addSp modSp">
        <pc:chgData name="Afzal Hakim" userId="S::afzal.hakim01@student.csulb.edu::ee081cca-c90c-49e4-a214-d12c9d0e9c2b" providerId="AD" clId="Web-{DF48DB13-3F31-B5B1-1F5D-A1C45E62ECA5}" dt="2024-10-04T22:17:15.031" v="61" actId="1076"/>
        <pc:sldMkLst>
          <pc:docMk/>
          <pc:sldMk cId="212836177" sldId="289"/>
        </pc:sldMkLst>
        <pc:spChg chg="add mod">
          <ac:chgData name="Afzal Hakim" userId="S::afzal.hakim01@student.csulb.edu::ee081cca-c90c-49e4-a214-d12c9d0e9c2b" providerId="AD" clId="Web-{DF48DB13-3F31-B5B1-1F5D-A1C45E62ECA5}" dt="2024-10-04T22:17:15.031" v="61" actId="1076"/>
          <ac:spMkLst>
            <pc:docMk/>
            <pc:sldMk cId="212836177" sldId="289"/>
            <ac:spMk id="12" creationId="{003D74B7-1A93-D193-67D7-51D44586613E}"/>
          </ac:spMkLst>
        </pc:spChg>
      </pc:sldChg>
      <pc:sldChg chg="addSp delSp modSp new del">
        <pc:chgData name="Afzal Hakim" userId="S::afzal.hakim01@student.csulb.edu::ee081cca-c90c-49e4-a214-d12c9d0e9c2b" providerId="AD" clId="Web-{DF48DB13-3F31-B5B1-1F5D-A1C45E62ECA5}" dt="2024-10-04T22:26:14.395" v="85"/>
        <pc:sldMkLst>
          <pc:docMk/>
          <pc:sldMk cId="102725051" sldId="290"/>
        </pc:sldMkLst>
        <pc:spChg chg="del">
          <ac:chgData name="Afzal Hakim" userId="S::afzal.hakim01@student.csulb.edu::ee081cca-c90c-49e4-a214-d12c9d0e9c2b" providerId="AD" clId="Web-{DF48DB13-3F31-B5B1-1F5D-A1C45E62ECA5}" dt="2024-10-04T22:21:34.892" v="63"/>
          <ac:spMkLst>
            <pc:docMk/>
            <pc:sldMk cId="102725051" sldId="290"/>
            <ac:spMk id="2" creationId="{FD8BE775-C672-E056-D77F-AB1C6FF9EB0F}"/>
          </ac:spMkLst>
        </pc:spChg>
        <pc:spChg chg="del">
          <ac:chgData name="Afzal Hakim" userId="S::afzal.hakim01@student.csulb.edu::ee081cca-c90c-49e4-a214-d12c9d0e9c2b" providerId="AD" clId="Web-{DF48DB13-3F31-B5B1-1F5D-A1C45E62ECA5}" dt="2024-10-04T22:21:38.705" v="64"/>
          <ac:spMkLst>
            <pc:docMk/>
            <pc:sldMk cId="102725051" sldId="290"/>
            <ac:spMk id="3" creationId="{2FC16DEE-1802-61F1-6944-7AB6C6B11F25}"/>
          </ac:spMkLst>
        </pc:spChg>
        <pc:spChg chg="del">
          <ac:chgData name="Afzal Hakim" userId="S::afzal.hakim01@student.csulb.edu::ee081cca-c90c-49e4-a214-d12c9d0e9c2b" providerId="AD" clId="Web-{DF48DB13-3F31-B5B1-1F5D-A1C45E62ECA5}" dt="2024-10-04T22:21:41.236" v="65"/>
          <ac:spMkLst>
            <pc:docMk/>
            <pc:sldMk cId="102725051" sldId="290"/>
            <ac:spMk id="4" creationId="{7376AA7B-0D7A-A779-77CD-D1722607AA10}"/>
          </ac:spMkLst>
        </pc:spChg>
        <pc:spChg chg="add del mod">
          <ac:chgData name="Afzal Hakim" userId="S::afzal.hakim01@student.csulb.edu::ee081cca-c90c-49e4-a214-d12c9d0e9c2b" providerId="AD" clId="Web-{DF48DB13-3F31-B5B1-1F5D-A1C45E62ECA5}" dt="2024-10-04T22:24:08.449" v="81"/>
          <ac:spMkLst>
            <pc:docMk/>
            <pc:sldMk cId="102725051" sldId="290"/>
            <ac:spMk id="8" creationId="{D7499D0E-4ECE-081D-9B17-7993AD44B3D0}"/>
          </ac:spMkLst>
        </pc:spChg>
        <pc:picChg chg="add del mod">
          <ac:chgData name="Afzal Hakim" userId="S::afzal.hakim01@student.csulb.edu::ee081cca-c90c-49e4-a214-d12c9d0e9c2b" providerId="AD" clId="Web-{DF48DB13-3F31-B5B1-1F5D-A1C45E62ECA5}" dt="2024-10-04T22:26:11.051" v="84"/>
          <ac:picMkLst>
            <pc:docMk/>
            <pc:sldMk cId="102725051" sldId="290"/>
            <ac:picMk id="7" creationId="{025F14DC-7BCF-1E04-B843-69C7F38926DC}"/>
          </ac:picMkLst>
        </pc:picChg>
        <pc:inkChg chg="add">
          <ac:chgData name="Afzal Hakim" userId="S::afzal.hakim01@student.csulb.edu::ee081cca-c90c-49e4-a214-d12c9d0e9c2b" providerId="AD" clId="Web-{DF48DB13-3F31-B5B1-1F5D-A1C45E62ECA5}" dt="2024-10-04T22:22:43.928" v="66"/>
          <ac:inkMkLst>
            <pc:docMk/>
            <pc:sldMk cId="102725051" sldId="290"/>
            <ac:inkMk id="6" creationId="{9829A51C-7EB5-FA97-80BA-5E59454CAC7E}"/>
          </ac:inkMkLst>
        </pc:inkChg>
        <pc:inkChg chg="add">
          <ac:chgData name="Afzal Hakim" userId="S::afzal.hakim01@student.csulb.edu::ee081cca-c90c-49e4-a214-d12c9d0e9c2b" providerId="AD" clId="Web-{DF48DB13-3F31-B5B1-1F5D-A1C45E62ECA5}" dt="2024-10-04T22:23:53.464" v="71"/>
          <ac:inkMkLst>
            <pc:docMk/>
            <pc:sldMk cId="102725051" sldId="290"/>
            <ac:inkMk id="10" creationId="{DB332F8D-987F-C046-6F8B-520ACD2EB480}"/>
          </ac:inkMkLst>
        </pc:inkChg>
        <pc:inkChg chg="add">
          <ac:chgData name="Afzal Hakim" userId="S::afzal.hakim01@student.csulb.edu::ee081cca-c90c-49e4-a214-d12c9d0e9c2b" providerId="AD" clId="Web-{DF48DB13-3F31-B5B1-1F5D-A1C45E62ECA5}" dt="2024-10-04T22:23:54.526" v="72"/>
          <ac:inkMkLst>
            <pc:docMk/>
            <pc:sldMk cId="102725051" sldId="290"/>
            <ac:inkMk id="11" creationId="{AC548FBF-C73F-6A8E-8EE8-7CB82C09A96D}"/>
          </ac:inkMkLst>
        </pc:inkChg>
        <pc:inkChg chg="add">
          <ac:chgData name="Afzal Hakim" userId="S::afzal.hakim01@student.csulb.edu::ee081cca-c90c-49e4-a214-d12c9d0e9c2b" providerId="AD" clId="Web-{DF48DB13-3F31-B5B1-1F5D-A1C45E62ECA5}" dt="2024-10-04T22:23:55.433" v="73"/>
          <ac:inkMkLst>
            <pc:docMk/>
            <pc:sldMk cId="102725051" sldId="290"/>
            <ac:inkMk id="12" creationId="{05575430-CA66-7FF5-552C-8BD906912CAA}"/>
          </ac:inkMkLst>
        </pc:inkChg>
        <pc:inkChg chg="add">
          <ac:chgData name="Afzal Hakim" userId="S::afzal.hakim01@student.csulb.edu::ee081cca-c90c-49e4-a214-d12c9d0e9c2b" providerId="AD" clId="Web-{DF48DB13-3F31-B5B1-1F5D-A1C45E62ECA5}" dt="2024-10-04T22:23:56.573" v="74"/>
          <ac:inkMkLst>
            <pc:docMk/>
            <pc:sldMk cId="102725051" sldId="290"/>
            <ac:inkMk id="13" creationId="{7B32BB32-310A-9A2F-AE73-9D1FD452057A}"/>
          </ac:inkMkLst>
        </pc:inkChg>
        <pc:inkChg chg="add">
          <ac:chgData name="Afzal Hakim" userId="S::afzal.hakim01@student.csulb.edu::ee081cca-c90c-49e4-a214-d12c9d0e9c2b" providerId="AD" clId="Web-{DF48DB13-3F31-B5B1-1F5D-A1C45E62ECA5}" dt="2024-10-04T22:23:56.573" v="75"/>
          <ac:inkMkLst>
            <pc:docMk/>
            <pc:sldMk cId="102725051" sldId="290"/>
            <ac:inkMk id="14" creationId="{A68727C9-E4BE-427C-13EB-D963C7DCFF33}"/>
          </ac:inkMkLst>
        </pc:inkChg>
        <pc:inkChg chg="add">
          <ac:chgData name="Afzal Hakim" userId="S::afzal.hakim01@student.csulb.edu::ee081cca-c90c-49e4-a214-d12c9d0e9c2b" providerId="AD" clId="Web-{DF48DB13-3F31-B5B1-1F5D-A1C45E62ECA5}" dt="2024-10-04T22:23:57.636" v="76"/>
          <ac:inkMkLst>
            <pc:docMk/>
            <pc:sldMk cId="102725051" sldId="290"/>
            <ac:inkMk id="15" creationId="{42DE0C1C-265C-7449-66B9-87EA58552341}"/>
          </ac:inkMkLst>
        </pc:inkChg>
        <pc:inkChg chg="add">
          <ac:chgData name="Afzal Hakim" userId="S::afzal.hakim01@student.csulb.edu::ee081cca-c90c-49e4-a214-d12c9d0e9c2b" providerId="AD" clId="Web-{DF48DB13-3F31-B5B1-1F5D-A1C45E62ECA5}" dt="2024-10-04T22:23:58.480" v="77"/>
          <ac:inkMkLst>
            <pc:docMk/>
            <pc:sldMk cId="102725051" sldId="290"/>
            <ac:inkMk id="16" creationId="{53E7575A-FB1F-8CDA-9A43-FF113E169F63}"/>
          </ac:inkMkLst>
        </pc:inkChg>
        <pc:inkChg chg="add">
          <ac:chgData name="Afzal Hakim" userId="S::afzal.hakim01@student.csulb.edu::ee081cca-c90c-49e4-a214-d12c9d0e9c2b" providerId="AD" clId="Web-{DF48DB13-3F31-B5B1-1F5D-A1C45E62ECA5}" dt="2024-10-04T22:23:59.323" v="78"/>
          <ac:inkMkLst>
            <pc:docMk/>
            <pc:sldMk cId="102725051" sldId="290"/>
            <ac:inkMk id="17" creationId="{DAAAEDA6-45DE-6AF4-F5CB-D6F75DDFE7D9}"/>
          </ac:inkMkLst>
        </pc:inkChg>
        <pc:inkChg chg="add">
          <ac:chgData name="Afzal Hakim" userId="S::afzal.hakim01@student.csulb.edu::ee081cca-c90c-49e4-a214-d12c9d0e9c2b" providerId="AD" clId="Web-{DF48DB13-3F31-B5B1-1F5D-A1C45E62ECA5}" dt="2024-10-04T22:24:00.214" v="79"/>
          <ac:inkMkLst>
            <pc:docMk/>
            <pc:sldMk cId="102725051" sldId="290"/>
            <ac:inkMk id="18" creationId="{94D93C1D-A73C-6A73-6303-9C5E63509FCF}"/>
          </ac:inkMkLst>
        </pc:inkChg>
      </pc:sldChg>
      <pc:sldChg chg="new">
        <pc:chgData name="Afzal Hakim" userId="S::afzal.hakim01@student.csulb.edu::ee081cca-c90c-49e4-a214-d12c9d0e9c2b" providerId="AD" clId="Web-{DF48DB13-3F31-B5B1-1F5D-A1C45E62ECA5}" dt="2024-10-04T22:26:17.207" v="86"/>
        <pc:sldMkLst>
          <pc:docMk/>
          <pc:sldMk cId="2341963030" sldId="290"/>
        </pc:sldMkLst>
      </pc:sldChg>
      <pc:sldChg chg="modSp new">
        <pc:chgData name="Afzal Hakim" userId="S::afzal.hakim01@student.csulb.edu::ee081cca-c90c-49e4-a214-d12c9d0e9c2b" providerId="AD" clId="Web-{DF48DB13-3F31-B5B1-1F5D-A1C45E62ECA5}" dt="2024-10-04T22:53:20.298" v="155" actId="20577"/>
        <pc:sldMkLst>
          <pc:docMk/>
          <pc:sldMk cId="2804879295" sldId="291"/>
        </pc:sldMkLst>
        <pc:spChg chg="mod">
          <ac:chgData name="Afzal Hakim" userId="S::afzal.hakim01@student.csulb.edu::ee081cca-c90c-49e4-a214-d12c9d0e9c2b" providerId="AD" clId="Web-{DF48DB13-3F31-B5B1-1F5D-A1C45E62ECA5}" dt="2024-10-04T22:44:43.420" v="111" actId="1076"/>
          <ac:spMkLst>
            <pc:docMk/>
            <pc:sldMk cId="2804879295" sldId="291"/>
            <ac:spMk id="2" creationId="{E8297F09-7025-DF80-C5A1-FBFA2EE74DD2}"/>
          </ac:spMkLst>
        </pc:spChg>
        <pc:spChg chg="mod">
          <ac:chgData name="Afzal Hakim" userId="S::afzal.hakim01@student.csulb.edu::ee081cca-c90c-49e4-a214-d12c9d0e9c2b" providerId="AD" clId="Web-{DF48DB13-3F31-B5B1-1F5D-A1C45E62ECA5}" dt="2024-10-04T22:53:20.298" v="155" actId="20577"/>
          <ac:spMkLst>
            <pc:docMk/>
            <pc:sldMk cId="2804879295" sldId="291"/>
            <ac:spMk id="3" creationId="{92D3CC64-4176-3513-6CC1-441921739CF8}"/>
          </ac:spMkLst>
        </pc:spChg>
      </pc:sldChg>
    </pc:docChg>
  </pc:docChgLst>
  <pc:docChgLst>
    <pc:chgData name="Jonathan Cerniaz" userId="S::jonathan.cerniaz01@student.csulb.edu::3b628a21-462a-4b55-bac2-0c5dbb20dd63" providerId="AD" clId="Web-{C77C0C8C-0A3C-31E3-1EAD-860500798B31}"/>
    <pc:docChg chg="delSld modSld">
      <pc:chgData name="Jonathan Cerniaz" userId="S::jonathan.cerniaz01@student.csulb.edu::3b628a21-462a-4b55-bac2-0c5dbb20dd63" providerId="AD" clId="Web-{C77C0C8C-0A3C-31E3-1EAD-860500798B31}" dt="2024-10-04T22:16:50.623" v="45" actId="20577"/>
      <pc:docMkLst>
        <pc:docMk/>
      </pc:docMkLst>
      <pc:sldChg chg="addSp delSp modSp mod setBg modClrScheme chgLayout">
        <pc:chgData name="Jonathan Cerniaz" userId="S::jonathan.cerniaz01@student.csulb.edu::3b628a21-462a-4b55-bac2-0c5dbb20dd63" providerId="AD" clId="Web-{C77C0C8C-0A3C-31E3-1EAD-860500798B31}" dt="2024-10-04T20:51:53.204" v="40"/>
        <pc:sldMkLst>
          <pc:docMk/>
          <pc:sldMk cId="2586058810" sldId="256"/>
        </pc:sldMkLst>
        <pc:spChg chg="mod ord">
          <ac:chgData name="Jonathan Cerniaz" userId="S::jonathan.cerniaz01@student.csulb.edu::3b628a21-462a-4b55-bac2-0c5dbb20dd63" providerId="AD" clId="Web-{C77C0C8C-0A3C-31E3-1EAD-860500798B31}" dt="2024-10-04T20:51:53.204" v="40"/>
          <ac:spMkLst>
            <pc:docMk/>
            <pc:sldMk cId="2586058810" sldId="256"/>
            <ac:spMk id="2" creationId="{CFE75451-6A4B-484B-9ED1-353CCE25B0F4}"/>
          </ac:spMkLst>
        </pc:spChg>
        <pc:spChg chg="mod">
          <ac:chgData name="Jonathan Cerniaz" userId="S::jonathan.cerniaz01@student.csulb.edu::3b628a21-462a-4b55-bac2-0c5dbb20dd63" providerId="AD" clId="Web-{C77C0C8C-0A3C-31E3-1EAD-860500798B31}" dt="2024-10-04T04:12:29.448" v="24"/>
          <ac:spMkLst>
            <pc:docMk/>
            <pc:sldMk cId="2586058810" sldId="256"/>
            <ac:spMk id="3" creationId="{BF2E361B-DEE4-1373-6E81-79CF651440BC}"/>
          </ac:spMkLst>
        </pc:spChg>
        <pc:spChg chg="add del mod ord">
          <ac:chgData name="Jonathan Cerniaz" userId="S::jonathan.cerniaz01@student.csulb.edu::3b628a21-462a-4b55-bac2-0c5dbb20dd63" providerId="AD" clId="Web-{C77C0C8C-0A3C-31E3-1EAD-860500798B31}" dt="2024-10-04T20:51:53.204" v="40"/>
          <ac:spMkLst>
            <pc:docMk/>
            <pc:sldMk cId="2586058810" sldId="256"/>
            <ac:spMk id="4" creationId="{1945DAB5-7B2F-B77E-79CA-DA650992AE12}"/>
          </ac:spMkLst>
        </pc:spChg>
        <pc:spChg chg="add del mod">
          <ac:chgData name="Jonathan Cerniaz" userId="S::jonathan.cerniaz01@student.csulb.edu::3b628a21-462a-4b55-bac2-0c5dbb20dd63" providerId="AD" clId="Web-{C77C0C8C-0A3C-31E3-1EAD-860500798B31}" dt="2024-10-04T04:12:29.448" v="24"/>
          <ac:spMkLst>
            <pc:docMk/>
            <pc:sldMk cId="2586058810" sldId="256"/>
            <ac:spMk id="9" creationId="{655CD0DA-008A-743B-0DBB-19747948CC0F}"/>
          </ac:spMkLst>
        </pc:spChg>
        <pc:picChg chg="add del mod">
          <ac:chgData name="Jonathan Cerniaz" userId="S::jonathan.cerniaz01@student.csulb.edu::3b628a21-462a-4b55-bac2-0c5dbb20dd63" providerId="AD" clId="Web-{C77C0C8C-0A3C-31E3-1EAD-860500798B31}" dt="2024-10-04T04:08:58.750" v="1"/>
          <ac:picMkLst>
            <pc:docMk/>
            <pc:sldMk cId="2586058810" sldId="256"/>
            <ac:picMk id="4" creationId="{86373ED5-9A53-8DEE-4AF4-F78795D5E467}"/>
          </ac:picMkLst>
        </pc:picChg>
        <pc:picChg chg="add del">
          <ac:chgData name="Jonathan Cerniaz" userId="S::jonathan.cerniaz01@student.csulb.edu::3b628a21-462a-4b55-bac2-0c5dbb20dd63" providerId="AD" clId="Web-{C77C0C8C-0A3C-31E3-1EAD-860500798B31}" dt="2024-10-04T04:12:29.448" v="24"/>
          <ac:picMkLst>
            <pc:docMk/>
            <pc:sldMk cId="2586058810" sldId="256"/>
            <ac:picMk id="6" creationId="{6A8CFC1B-C430-23BC-1B9F-554B2BEA8AAE}"/>
          </ac:picMkLst>
        </pc:picChg>
      </pc:sldChg>
      <pc:sldChg chg="del">
        <pc:chgData name="Jonathan Cerniaz" userId="S::jonathan.cerniaz01@student.csulb.edu::3b628a21-462a-4b55-bac2-0c5dbb20dd63" providerId="AD" clId="Web-{C77C0C8C-0A3C-31E3-1EAD-860500798B31}" dt="2024-10-04T22:15:22.148" v="41"/>
        <pc:sldMkLst>
          <pc:docMk/>
          <pc:sldMk cId="1713219598" sldId="257"/>
        </pc:sldMkLst>
      </pc:sldChg>
      <pc:sldChg chg="addSp delSp modSp mod setBg">
        <pc:chgData name="Jonathan Cerniaz" userId="S::jonathan.cerniaz01@student.csulb.edu::3b628a21-462a-4b55-bac2-0c5dbb20dd63" providerId="AD" clId="Web-{C77C0C8C-0A3C-31E3-1EAD-860500798B31}" dt="2024-10-04T04:10:23.223" v="8"/>
        <pc:sldMkLst>
          <pc:docMk/>
          <pc:sldMk cId="608796113" sldId="278"/>
        </pc:sldMkLst>
        <pc:picChg chg="add del mod">
          <ac:chgData name="Jonathan Cerniaz" userId="S::jonathan.cerniaz01@student.csulb.edu::3b628a21-462a-4b55-bac2-0c5dbb20dd63" providerId="AD" clId="Web-{C77C0C8C-0A3C-31E3-1EAD-860500798B31}" dt="2024-10-04T04:10:23.223" v="8"/>
          <ac:picMkLst>
            <pc:docMk/>
            <pc:sldMk cId="608796113" sldId="278"/>
            <ac:picMk id="2" creationId="{B92EC521-4EA8-AC3F-1897-597BCD6C963B}"/>
          </ac:picMkLst>
        </pc:picChg>
      </pc:sldChg>
      <pc:sldChg chg="addSp delSp modSp">
        <pc:chgData name="Jonathan Cerniaz" userId="S::jonathan.cerniaz01@student.csulb.edu::3b628a21-462a-4b55-bac2-0c5dbb20dd63" providerId="AD" clId="Web-{C77C0C8C-0A3C-31E3-1EAD-860500798B31}" dt="2024-10-04T22:16:50.623" v="45" actId="20577"/>
        <pc:sldMkLst>
          <pc:docMk/>
          <pc:sldMk cId="2241459136" sldId="279"/>
        </pc:sldMkLst>
        <pc:spChg chg="mod">
          <ac:chgData name="Jonathan Cerniaz" userId="S::jonathan.cerniaz01@student.csulb.edu::3b628a21-462a-4b55-bac2-0c5dbb20dd63" providerId="AD" clId="Web-{C77C0C8C-0A3C-31E3-1EAD-860500798B31}" dt="2024-10-04T22:16:50.623" v="45" actId="20577"/>
          <ac:spMkLst>
            <pc:docMk/>
            <pc:sldMk cId="2241459136" sldId="279"/>
            <ac:spMk id="2" creationId="{818AFA5E-469B-2BFC-9D4E-BD1EC6E48CA0}"/>
          </ac:spMkLst>
        </pc:spChg>
        <pc:spChg chg="add del mod">
          <ac:chgData name="Jonathan Cerniaz" userId="S::jonathan.cerniaz01@student.csulb.edu::3b628a21-462a-4b55-bac2-0c5dbb20dd63" providerId="AD" clId="Web-{C77C0C8C-0A3C-31E3-1EAD-860500798B31}" dt="2024-10-04T04:11:47.368" v="14"/>
          <ac:spMkLst>
            <pc:docMk/>
            <pc:sldMk cId="2241459136" sldId="279"/>
            <ac:spMk id="5" creationId="{7DA685F0-1B89-28D4-2145-C6C1BCB5D021}"/>
          </ac:spMkLst>
        </pc:spChg>
        <pc:spChg chg="add del mod">
          <ac:chgData name="Jonathan Cerniaz" userId="S::jonathan.cerniaz01@student.csulb.edu::3b628a21-462a-4b55-bac2-0c5dbb20dd63" providerId="AD" clId="Web-{C77C0C8C-0A3C-31E3-1EAD-860500798B31}" dt="2024-10-04T04:12:48.215" v="31"/>
          <ac:spMkLst>
            <pc:docMk/>
            <pc:sldMk cId="2241459136" sldId="279"/>
            <ac:spMk id="9" creationId="{D456E27F-3611-9AD2-75F1-AB3F1838AC19}"/>
          </ac:spMkLst>
        </pc:spChg>
        <pc:picChg chg="add del mod">
          <ac:chgData name="Jonathan Cerniaz" userId="S::jonathan.cerniaz01@student.csulb.edu::3b628a21-462a-4b55-bac2-0c5dbb20dd63" providerId="AD" clId="Web-{C77C0C8C-0A3C-31E3-1EAD-860500798B31}" dt="2024-10-04T04:12:12.932" v="22"/>
          <ac:picMkLst>
            <pc:docMk/>
            <pc:sldMk cId="2241459136" sldId="279"/>
            <ac:picMk id="3" creationId="{E2204AD4-DDA9-058E-5B89-105D345EFE86}"/>
          </ac:picMkLst>
        </pc:picChg>
        <pc:picChg chg="add del mod">
          <ac:chgData name="Jonathan Cerniaz" userId="S::jonathan.cerniaz01@student.csulb.edu::3b628a21-462a-4b55-bac2-0c5dbb20dd63" providerId="AD" clId="Web-{C77C0C8C-0A3C-31E3-1EAD-860500798B31}" dt="2024-10-04T04:12:11.682" v="21"/>
          <ac:picMkLst>
            <pc:docMk/>
            <pc:sldMk cId="2241459136" sldId="279"/>
            <ac:picMk id="6" creationId="{1187D5CE-C869-5EE2-8A53-FB7E8C2FF500}"/>
          </ac:picMkLst>
        </pc:picChg>
        <pc:picChg chg="add mod">
          <ac:chgData name="Jonathan Cerniaz" userId="S::jonathan.cerniaz01@student.csulb.edu::3b628a21-462a-4b55-bac2-0c5dbb20dd63" providerId="AD" clId="Web-{C77C0C8C-0A3C-31E3-1EAD-860500798B31}" dt="2024-10-04T04:13:10.575" v="36" actId="1076"/>
          <ac:picMkLst>
            <pc:docMk/>
            <pc:sldMk cId="2241459136" sldId="279"/>
            <ac:picMk id="7" creationId="{A9D79C60-3F1A-74A8-74C5-4BD8170F4AB6}"/>
          </ac:picMkLst>
        </pc:picChg>
        <pc:picChg chg="add del">
          <ac:chgData name="Jonathan Cerniaz" userId="S::jonathan.cerniaz01@student.csulb.edu::3b628a21-462a-4b55-bac2-0c5dbb20dd63" providerId="AD" clId="Web-{C77C0C8C-0A3C-31E3-1EAD-860500798B31}" dt="2024-10-04T04:12:41.714" v="27"/>
          <ac:picMkLst>
            <pc:docMk/>
            <pc:sldMk cId="2241459136" sldId="279"/>
            <ac:picMk id="16" creationId="{448EF356-1822-E2AE-2794-322870D4C222}"/>
          </ac:picMkLst>
        </pc:picChg>
        <pc:cxnChg chg="mod">
          <ac:chgData name="Jonathan Cerniaz" userId="S::jonathan.cerniaz01@student.csulb.edu::3b628a21-462a-4b55-bac2-0c5dbb20dd63" providerId="AD" clId="Web-{C77C0C8C-0A3C-31E3-1EAD-860500798B31}" dt="2024-10-04T04:14:12.001" v="38" actId="1076"/>
          <ac:cxnSpMkLst>
            <pc:docMk/>
            <pc:sldMk cId="2241459136" sldId="279"/>
            <ac:cxnSpMk id="21" creationId="{944268F6-A361-9907-F87F-9C4377ECAE6D}"/>
          </ac:cxnSpMkLst>
        </pc:cxnChg>
      </pc:sldChg>
    </pc:docChg>
  </pc:docChgLst>
  <pc:docChgLst>
    <pc:chgData name="Jonathan Cerniaz" userId="S::jonathan.cerniaz01@student.csulb.edu::3b628a21-462a-4b55-bac2-0c5dbb20dd63" providerId="AD" clId="Web-{1EDAE05E-3BB2-E7EB-29F0-2F536E2A4108}"/>
    <pc:docChg chg="modSld">
      <pc:chgData name="Jonathan Cerniaz" userId="S::jonathan.cerniaz01@student.csulb.edu::3b628a21-462a-4b55-bac2-0c5dbb20dd63" providerId="AD" clId="Web-{1EDAE05E-3BB2-E7EB-29F0-2F536E2A4108}" dt="2024-10-06T23:15:13.286" v="20" actId="1076"/>
      <pc:docMkLst>
        <pc:docMk/>
      </pc:docMkLst>
      <pc:sldChg chg="addSp delSp modSp">
        <pc:chgData name="Jonathan Cerniaz" userId="S::jonathan.cerniaz01@student.csulb.edu::3b628a21-462a-4b55-bac2-0c5dbb20dd63" providerId="AD" clId="Web-{1EDAE05E-3BB2-E7EB-29F0-2F536E2A4108}" dt="2024-10-06T23:15:13.286" v="20" actId="1076"/>
        <pc:sldMkLst>
          <pc:docMk/>
          <pc:sldMk cId="1658164610" sldId="283"/>
        </pc:sldMkLst>
        <pc:spChg chg="mod">
          <ac:chgData name="Jonathan Cerniaz" userId="S::jonathan.cerniaz01@student.csulb.edu::3b628a21-462a-4b55-bac2-0c5dbb20dd63" providerId="AD" clId="Web-{1EDAE05E-3BB2-E7EB-29F0-2F536E2A4108}" dt="2024-10-06T23:13:32.390" v="10" actId="1076"/>
          <ac:spMkLst>
            <pc:docMk/>
            <pc:sldMk cId="1658164610" sldId="283"/>
            <ac:spMk id="7" creationId="{42FD8667-2294-E177-44C9-CFBA75F1ADD2}"/>
          </ac:spMkLst>
        </pc:spChg>
        <pc:spChg chg="del mod">
          <ac:chgData name="Jonathan Cerniaz" userId="S::jonathan.cerniaz01@student.csulb.edu::3b628a21-462a-4b55-bac2-0c5dbb20dd63" providerId="AD" clId="Web-{1EDAE05E-3BB2-E7EB-29F0-2F536E2A4108}" dt="2024-10-06T23:13:24.499" v="8"/>
          <ac:spMkLst>
            <pc:docMk/>
            <pc:sldMk cId="1658164610" sldId="283"/>
            <ac:spMk id="19" creationId="{EE27112D-BE1F-79D2-383F-6D99B8AA9AD5}"/>
          </ac:spMkLst>
        </pc:spChg>
        <pc:picChg chg="add del mod">
          <ac:chgData name="Jonathan Cerniaz" userId="S::jonathan.cerniaz01@student.csulb.edu::3b628a21-462a-4b55-bac2-0c5dbb20dd63" providerId="AD" clId="Web-{1EDAE05E-3BB2-E7EB-29F0-2F536E2A4108}" dt="2024-10-06T23:13:03.935" v="2"/>
          <ac:picMkLst>
            <pc:docMk/>
            <pc:sldMk cId="1658164610" sldId="283"/>
            <ac:picMk id="2" creationId="{588ED750-3E95-ECD3-37C5-F3069743EEB1}"/>
          </ac:picMkLst>
        </pc:picChg>
        <pc:picChg chg="add del mod">
          <ac:chgData name="Jonathan Cerniaz" userId="S::jonathan.cerniaz01@student.csulb.edu::3b628a21-462a-4b55-bac2-0c5dbb20dd63" providerId="AD" clId="Web-{1EDAE05E-3BB2-E7EB-29F0-2F536E2A4108}" dt="2024-10-06T23:15:03.645" v="15"/>
          <ac:picMkLst>
            <pc:docMk/>
            <pc:sldMk cId="1658164610" sldId="283"/>
            <ac:picMk id="3" creationId="{DCEF71D9-FCDA-377B-E4F3-76E3016AC839}"/>
          </ac:picMkLst>
        </pc:picChg>
        <pc:picChg chg="add mod">
          <ac:chgData name="Jonathan Cerniaz" userId="S::jonathan.cerniaz01@student.csulb.edu::3b628a21-462a-4b55-bac2-0c5dbb20dd63" providerId="AD" clId="Web-{1EDAE05E-3BB2-E7EB-29F0-2F536E2A4108}" dt="2024-10-06T23:15:13.286" v="20" actId="1076"/>
          <ac:picMkLst>
            <pc:docMk/>
            <pc:sldMk cId="1658164610" sldId="283"/>
            <ac:picMk id="4" creationId="{E7D0A57C-0CBB-C96F-31E4-3C07951FA91A}"/>
          </ac:picMkLst>
        </pc:picChg>
      </pc:sldChg>
    </pc:docChg>
  </pc:docChgLst>
  <pc:docChgLst>
    <pc:chgData name="Joseph Guzman" userId="S::joseph.guzman@student.csulb.edu::17ccc4ac-b72a-4c03-9511-790abe281be7" providerId="AD" clId="Web-{C2A8A74D-DD8E-31F0-4624-855AA8D4956D}"/>
    <pc:docChg chg="modSld">
      <pc:chgData name="Joseph Guzman" userId="S::joseph.guzman@student.csulb.edu::17ccc4ac-b72a-4c03-9511-790abe281be7" providerId="AD" clId="Web-{C2A8A74D-DD8E-31F0-4624-855AA8D4956D}" dt="2024-10-07T07:58:56.035" v="21" actId="20577"/>
      <pc:docMkLst>
        <pc:docMk/>
      </pc:docMkLst>
      <pc:sldChg chg="modSp">
        <pc:chgData name="Joseph Guzman" userId="S::joseph.guzman@student.csulb.edu::17ccc4ac-b72a-4c03-9511-790abe281be7" providerId="AD" clId="Web-{C2A8A74D-DD8E-31F0-4624-855AA8D4956D}" dt="2024-10-07T07:58:56.035" v="21" actId="20577"/>
        <pc:sldMkLst>
          <pc:docMk/>
          <pc:sldMk cId="2018400078" sldId="295"/>
        </pc:sldMkLst>
        <pc:spChg chg="mod">
          <ac:chgData name="Joseph Guzman" userId="S::joseph.guzman@student.csulb.edu::17ccc4ac-b72a-4c03-9511-790abe281be7" providerId="AD" clId="Web-{C2A8A74D-DD8E-31F0-4624-855AA8D4956D}" dt="2024-10-07T07:58:56.035" v="21" actId="20577"/>
          <ac:spMkLst>
            <pc:docMk/>
            <pc:sldMk cId="2018400078" sldId="295"/>
            <ac:spMk id="26" creationId="{0331D31D-A805-C9DD-92EC-F2BF1F6E3275}"/>
          </ac:spMkLst>
        </pc:spChg>
      </pc:sldChg>
    </pc:docChg>
  </pc:docChgLst>
  <pc:docChgLst>
    <pc:chgData name="Joseph Guzman" userId="S::joseph.guzman@student.csulb.edu::17ccc4ac-b72a-4c03-9511-790abe281be7" providerId="AD" clId="Web-{ABA492C6-2FAD-497B-135A-2EDDA8424B23}"/>
    <pc:docChg chg="addSld modSld">
      <pc:chgData name="Joseph Guzman" userId="S::joseph.guzman@student.csulb.edu::17ccc4ac-b72a-4c03-9511-790abe281be7" providerId="AD" clId="Web-{ABA492C6-2FAD-497B-135A-2EDDA8424B23}" dt="2024-10-07T05:45:00.478" v="372"/>
      <pc:docMkLst>
        <pc:docMk/>
      </pc:docMkLst>
      <pc:sldChg chg="modSp">
        <pc:chgData name="Joseph Guzman" userId="S::joseph.guzman@student.csulb.edu::17ccc4ac-b72a-4c03-9511-790abe281be7" providerId="AD" clId="Web-{ABA492C6-2FAD-497B-135A-2EDDA8424B23}" dt="2024-10-07T01:28:55.745" v="31" actId="20577"/>
        <pc:sldMkLst>
          <pc:docMk/>
          <pc:sldMk cId="3571516367" sldId="258"/>
        </pc:sldMkLst>
        <pc:spChg chg="mod">
          <ac:chgData name="Joseph Guzman" userId="S::joseph.guzman@student.csulb.edu::17ccc4ac-b72a-4c03-9511-790abe281be7" providerId="AD" clId="Web-{ABA492C6-2FAD-497B-135A-2EDDA8424B23}" dt="2024-10-07T01:28:55.745" v="31" actId="20577"/>
          <ac:spMkLst>
            <pc:docMk/>
            <pc:sldMk cId="3571516367" sldId="258"/>
            <ac:spMk id="31" creationId="{33E1FA47-B0A5-5134-1B71-2E2CA32AF234}"/>
          </ac:spMkLst>
        </pc:spChg>
      </pc:sldChg>
      <pc:sldChg chg="addSp delSp">
        <pc:chgData name="Joseph Guzman" userId="S::joseph.guzman@student.csulb.edu::17ccc4ac-b72a-4c03-9511-790abe281be7" providerId="AD" clId="Web-{ABA492C6-2FAD-497B-135A-2EDDA8424B23}" dt="2024-10-07T04:32:12.640" v="284"/>
        <pc:sldMkLst>
          <pc:docMk/>
          <pc:sldMk cId="608796113" sldId="278"/>
        </pc:sldMkLst>
        <pc:picChg chg="del">
          <ac:chgData name="Joseph Guzman" userId="S::joseph.guzman@student.csulb.edu::17ccc4ac-b72a-4c03-9511-790abe281be7" providerId="AD" clId="Web-{ABA492C6-2FAD-497B-135A-2EDDA8424B23}" dt="2024-10-07T04:32:12.124" v="283"/>
          <ac:picMkLst>
            <pc:docMk/>
            <pc:sldMk cId="608796113" sldId="278"/>
            <ac:picMk id="7" creationId="{2422A08C-F390-2E54-4458-8ED1DA6F1FD1}"/>
          </ac:picMkLst>
        </pc:picChg>
        <pc:picChg chg="add">
          <ac:chgData name="Joseph Guzman" userId="S::joseph.guzman@student.csulb.edu::17ccc4ac-b72a-4c03-9511-790abe281be7" providerId="AD" clId="Web-{ABA492C6-2FAD-497B-135A-2EDDA8424B23}" dt="2024-10-07T04:32:12.640" v="284"/>
          <ac:picMkLst>
            <pc:docMk/>
            <pc:sldMk cId="608796113" sldId="278"/>
            <ac:picMk id="10" creationId="{944C0A36-8681-D684-A9C8-23ABE1191AE9}"/>
          </ac:picMkLst>
        </pc:picChg>
      </pc:sldChg>
      <pc:sldChg chg="modSp">
        <pc:chgData name="Joseph Guzman" userId="S::joseph.guzman@student.csulb.edu::17ccc4ac-b72a-4c03-9511-790abe281be7" providerId="AD" clId="Web-{ABA492C6-2FAD-497B-135A-2EDDA8424B23}" dt="2024-10-07T05:45:00.478" v="372"/>
        <pc:sldMkLst>
          <pc:docMk/>
          <pc:sldMk cId="636929804" sldId="282"/>
        </pc:sldMkLst>
        <pc:picChg chg="mod modCrop">
          <ac:chgData name="Joseph Guzman" userId="S::joseph.guzman@student.csulb.edu::17ccc4ac-b72a-4c03-9511-790abe281be7" providerId="AD" clId="Web-{ABA492C6-2FAD-497B-135A-2EDDA8424B23}" dt="2024-10-07T05:45:00.478" v="372"/>
          <ac:picMkLst>
            <pc:docMk/>
            <pc:sldMk cId="636929804" sldId="282"/>
            <ac:picMk id="25" creationId="{5C19F9AC-54D4-64CF-F11C-0C89BE182FFB}"/>
          </ac:picMkLst>
        </pc:picChg>
      </pc:sldChg>
      <pc:sldChg chg="addSp delSp modSp">
        <pc:chgData name="Joseph Guzman" userId="S::joseph.guzman@student.csulb.edu::17ccc4ac-b72a-4c03-9511-790abe281be7" providerId="AD" clId="Web-{ABA492C6-2FAD-497B-135A-2EDDA8424B23}" dt="2024-10-07T04:36:47.146" v="305" actId="1076"/>
        <pc:sldMkLst>
          <pc:docMk/>
          <pc:sldMk cId="1658164610" sldId="283"/>
        </pc:sldMkLst>
        <pc:spChg chg="add del">
          <ac:chgData name="Joseph Guzman" userId="S::joseph.guzman@student.csulb.edu::17ccc4ac-b72a-4c03-9511-790abe281be7" providerId="AD" clId="Web-{ABA492C6-2FAD-497B-135A-2EDDA8424B23}" dt="2024-10-07T04:36:05.770" v="300"/>
          <ac:spMkLst>
            <pc:docMk/>
            <pc:sldMk cId="1658164610" sldId="283"/>
            <ac:spMk id="4" creationId="{D1935BC3-896E-AE1B-333C-93AFA7450AC4}"/>
          </ac:spMkLst>
        </pc:spChg>
        <pc:spChg chg="mod">
          <ac:chgData name="Joseph Guzman" userId="S::joseph.guzman@student.csulb.edu::17ccc4ac-b72a-4c03-9511-790abe281be7" providerId="AD" clId="Web-{ABA492C6-2FAD-497B-135A-2EDDA8424B23}" dt="2024-10-07T04:36:47.146" v="305" actId="1076"/>
          <ac:spMkLst>
            <pc:docMk/>
            <pc:sldMk cId="1658164610" sldId="283"/>
            <ac:spMk id="7" creationId="{42FD8667-2294-E177-44C9-CFBA75F1ADD2}"/>
          </ac:spMkLst>
        </pc:spChg>
        <pc:picChg chg="add mod modCrop">
          <ac:chgData name="Joseph Guzman" userId="S::joseph.guzman@student.csulb.edu::17ccc4ac-b72a-4c03-9511-790abe281be7" providerId="AD" clId="Web-{ABA492C6-2FAD-497B-135A-2EDDA8424B23}" dt="2024-10-07T04:36:44.693" v="304" actId="1076"/>
          <ac:picMkLst>
            <pc:docMk/>
            <pc:sldMk cId="1658164610" sldId="283"/>
            <ac:picMk id="2" creationId="{A1CC1D08-6289-45A2-0CC0-10EE90DEC99A}"/>
          </ac:picMkLst>
        </pc:picChg>
        <pc:picChg chg="del">
          <ac:chgData name="Joseph Guzman" userId="S::joseph.guzman@student.csulb.edu::17ccc4ac-b72a-4c03-9511-790abe281be7" providerId="AD" clId="Web-{ABA492C6-2FAD-497B-135A-2EDDA8424B23}" dt="2024-10-07T03:44:22.838" v="257"/>
          <ac:picMkLst>
            <pc:docMk/>
            <pc:sldMk cId="1658164610" sldId="283"/>
            <ac:picMk id="4" creationId="{E7D0A57C-0CBB-C96F-31E4-3C07951FA91A}"/>
          </ac:picMkLst>
        </pc:picChg>
      </pc:sldChg>
      <pc:sldChg chg="modSp">
        <pc:chgData name="Joseph Guzman" userId="S::joseph.guzman@student.csulb.edu::17ccc4ac-b72a-4c03-9511-790abe281be7" providerId="AD" clId="Web-{ABA492C6-2FAD-497B-135A-2EDDA8424B23}" dt="2024-10-07T03:43:18.008" v="256" actId="20577"/>
        <pc:sldMkLst>
          <pc:docMk/>
          <pc:sldMk cId="2898855606" sldId="287"/>
        </pc:sldMkLst>
        <pc:spChg chg="mod">
          <ac:chgData name="Joseph Guzman" userId="S::joseph.guzman@student.csulb.edu::17ccc4ac-b72a-4c03-9511-790abe281be7" providerId="AD" clId="Web-{ABA492C6-2FAD-497B-135A-2EDDA8424B23}" dt="2024-10-07T03:43:18.008" v="256" actId="20577"/>
          <ac:spMkLst>
            <pc:docMk/>
            <pc:sldMk cId="2898855606" sldId="287"/>
            <ac:spMk id="25" creationId="{CE1351E0-5F12-AB1B-CAC3-33CED8066EE7}"/>
          </ac:spMkLst>
        </pc:spChg>
        <pc:spChg chg="mod">
          <ac:chgData name="Joseph Guzman" userId="S::joseph.guzman@student.csulb.edu::17ccc4ac-b72a-4c03-9511-790abe281be7" providerId="AD" clId="Web-{ABA492C6-2FAD-497B-135A-2EDDA8424B23}" dt="2024-10-07T03:33:43.127" v="147" actId="1076"/>
          <ac:spMkLst>
            <pc:docMk/>
            <pc:sldMk cId="2898855606" sldId="287"/>
            <ac:spMk id="28" creationId="{EBACC4F5-0E82-A71C-0ED3-E121E0993EF5}"/>
          </ac:spMkLst>
        </pc:spChg>
        <pc:spChg chg="mod">
          <ac:chgData name="Joseph Guzman" userId="S::joseph.guzman@student.csulb.edu::17ccc4ac-b72a-4c03-9511-790abe281be7" providerId="AD" clId="Web-{ABA492C6-2FAD-497B-135A-2EDDA8424B23}" dt="2024-10-07T03:33:38.080" v="145" actId="1076"/>
          <ac:spMkLst>
            <pc:docMk/>
            <pc:sldMk cId="2898855606" sldId="287"/>
            <ac:spMk id="29" creationId="{A05D092C-FCC3-13A1-A3C0-F78E76168766}"/>
          </ac:spMkLst>
        </pc:spChg>
        <pc:spChg chg="mod">
          <ac:chgData name="Joseph Guzman" userId="S::joseph.guzman@student.csulb.edu::17ccc4ac-b72a-4c03-9511-790abe281be7" providerId="AD" clId="Web-{ABA492C6-2FAD-497B-135A-2EDDA8424B23}" dt="2024-10-07T03:34:30.504" v="158" actId="20577"/>
          <ac:spMkLst>
            <pc:docMk/>
            <pc:sldMk cId="2898855606" sldId="287"/>
            <ac:spMk id="31" creationId="{DDF40877-7C86-6F12-4C8A-5F56CB5BB1C7}"/>
          </ac:spMkLst>
        </pc:spChg>
      </pc:sldChg>
      <pc:sldChg chg="addSp delSp modSp">
        <pc:chgData name="Joseph Guzman" userId="S::joseph.guzman@student.csulb.edu::17ccc4ac-b72a-4c03-9511-790abe281be7" providerId="AD" clId="Web-{ABA492C6-2FAD-497B-135A-2EDDA8424B23}" dt="2024-10-07T03:00:16.108" v="41" actId="14100"/>
        <pc:sldMkLst>
          <pc:docMk/>
          <pc:sldMk cId="2018400078" sldId="295"/>
        </pc:sldMkLst>
        <pc:spChg chg="mod">
          <ac:chgData name="Joseph Guzman" userId="S::joseph.guzman@student.csulb.edu::17ccc4ac-b72a-4c03-9511-790abe281be7" providerId="AD" clId="Web-{ABA492C6-2FAD-497B-135A-2EDDA8424B23}" dt="2024-10-07T03:00:16.108" v="41" actId="14100"/>
          <ac:spMkLst>
            <pc:docMk/>
            <pc:sldMk cId="2018400078" sldId="295"/>
            <ac:spMk id="24" creationId="{FBFA847B-2CA0-417A-D7E9-1369EAA2FB11}"/>
          </ac:spMkLst>
        </pc:spChg>
        <pc:picChg chg="add del mod modCrop">
          <ac:chgData name="Joseph Guzman" userId="S::joseph.guzman@student.csulb.edu::17ccc4ac-b72a-4c03-9511-790abe281be7" providerId="AD" clId="Web-{ABA492C6-2FAD-497B-135A-2EDDA8424B23}" dt="2024-10-07T00:55:19.889" v="13"/>
          <ac:picMkLst>
            <pc:docMk/>
            <pc:sldMk cId="2018400078" sldId="295"/>
            <ac:picMk id="2" creationId="{81DE0F31-8462-D8C9-3ED3-8E633F258D64}"/>
          </ac:picMkLst>
        </pc:picChg>
        <pc:picChg chg="del">
          <ac:chgData name="Joseph Guzman" userId="S::joseph.guzman@student.csulb.edu::17ccc4ac-b72a-4c03-9511-790abe281be7" providerId="AD" clId="Web-{ABA492C6-2FAD-497B-135A-2EDDA8424B23}" dt="2024-10-07T01:01:01.853" v="16"/>
          <ac:picMkLst>
            <pc:docMk/>
            <pc:sldMk cId="2018400078" sldId="295"/>
            <ac:picMk id="7" creationId="{2422A08C-F390-2E54-4458-8ED1DA6F1FD1}"/>
          </ac:picMkLst>
        </pc:picChg>
        <pc:picChg chg="add mod modCrop">
          <ac:chgData name="Joseph Guzman" userId="S::joseph.guzman@student.csulb.edu::17ccc4ac-b72a-4c03-9511-790abe281be7" providerId="AD" clId="Web-{ABA492C6-2FAD-497B-135A-2EDDA8424B23}" dt="2024-10-07T01:01:31.511" v="27"/>
          <ac:picMkLst>
            <pc:docMk/>
            <pc:sldMk cId="2018400078" sldId="295"/>
            <ac:picMk id="10" creationId="{C13C0DE2-0103-CCBD-204D-CE64CBAD593F}"/>
          </ac:picMkLst>
        </pc:picChg>
      </pc:sldChg>
      <pc:sldChg chg="modSp">
        <pc:chgData name="Joseph Guzman" userId="S::joseph.guzman@student.csulb.edu::17ccc4ac-b72a-4c03-9511-790abe281be7" providerId="AD" clId="Web-{ABA492C6-2FAD-497B-135A-2EDDA8424B23}" dt="2024-10-07T01:48:31.732" v="39" actId="20577"/>
        <pc:sldMkLst>
          <pc:docMk/>
          <pc:sldMk cId="4033687353" sldId="296"/>
        </pc:sldMkLst>
        <pc:spChg chg="mod">
          <ac:chgData name="Joseph Guzman" userId="S::joseph.guzman@student.csulb.edu::17ccc4ac-b72a-4c03-9511-790abe281be7" providerId="AD" clId="Web-{ABA492C6-2FAD-497B-135A-2EDDA8424B23}" dt="2024-10-07T01:48:28.872" v="38" actId="20577"/>
          <ac:spMkLst>
            <pc:docMk/>
            <pc:sldMk cId="4033687353" sldId="296"/>
            <ac:spMk id="75" creationId="{21D197DF-1170-90E8-B7AC-2690DBF9F10A}"/>
          </ac:spMkLst>
        </pc:spChg>
        <pc:spChg chg="mod">
          <ac:chgData name="Joseph Guzman" userId="S::joseph.guzman@student.csulb.edu::17ccc4ac-b72a-4c03-9511-790abe281be7" providerId="AD" clId="Web-{ABA492C6-2FAD-497B-135A-2EDDA8424B23}" dt="2024-10-07T01:48:31.732" v="39" actId="20577"/>
          <ac:spMkLst>
            <pc:docMk/>
            <pc:sldMk cId="4033687353" sldId="296"/>
            <ac:spMk id="83" creationId="{1DC0D52A-D968-72D4-D820-106B384884B7}"/>
          </ac:spMkLst>
        </pc:spChg>
        <pc:spChg chg="mod">
          <ac:chgData name="Joseph Guzman" userId="S::joseph.guzman@student.csulb.edu::17ccc4ac-b72a-4c03-9511-790abe281be7" providerId="AD" clId="Web-{ABA492C6-2FAD-497B-135A-2EDDA8424B23}" dt="2024-10-07T01:38:19.517" v="33" actId="20577"/>
          <ac:spMkLst>
            <pc:docMk/>
            <pc:sldMk cId="4033687353" sldId="296"/>
            <ac:spMk id="97" creationId="{95F1B6B5-EFE6-5915-BDF7-9D72EE2CBC47}"/>
          </ac:spMkLst>
        </pc:spChg>
        <pc:spChg chg="mod">
          <ac:chgData name="Joseph Guzman" userId="S::joseph.guzman@student.csulb.edu::17ccc4ac-b72a-4c03-9511-790abe281be7" providerId="AD" clId="Web-{ABA492C6-2FAD-497B-135A-2EDDA8424B23}" dt="2024-10-07T01:38:56.239" v="37" actId="1076"/>
          <ac:spMkLst>
            <pc:docMk/>
            <pc:sldMk cId="4033687353" sldId="296"/>
            <ac:spMk id="99" creationId="{0F07D69A-9A4B-03CA-3F74-EAAE7DFEF824}"/>
          </ac:spMkLst>
        </pc:spChg>
      </pc:sldChg>
      <pc:sldChg chg="addSp delSp modSp add replId">
        <pc:chgData name="Joseph Guzman" userId="S::joseph.guzman@student.csulb.edu::17ccc4ac-b72a-4c03-9511-790abe281be7" providerId="AD" clId="Web-{ABA492C6-2FAD-497B-135A-2EDDA8424B23}" dt="2024-10-07T05:44:49.931" v="368" actId="20577"/>
        <pc:sldMkLst>
          <pc:docMk/>
          <pc:sldMk cId="151253258" sldId="297"/>
        </pc:sldMkLst>
        <pc:spChg chg="add del mod">
          <ac:chgData name="Joseph Guzman" userId="S::joseph.guzman@student.csulb.edu::17ccc4ac-b72a-4c03-9511-790abe281be7" providerId="AD" clId="Web-{ABA492C6-2FAD-497B-135A-2EDDA8424B23}" dt="2024-10-07T04:37:01.115" v="309"/>
          <ac:spMkLst>
            <pc:docMk/>
            <pc:sldMk cId="151253258" sldId="297"/>
            <ac:spMk id="6" creationId="{EA32899C-BB13-CD40-4323-9D03649A3697}"/>
          </ac:spMkLst>
        </pc:spChg>
        <pc:spChg chg="del mod">
          <ac:chgData name="Joseph Guzman" userId="S::joseph.guzman@student.csulb.edu::17ccc4ac-b72a-4c03-9511-790abe281be7" providerId="AD" clId="Web-{ABA492C6-2FAD-497B-135A-2EDDA8424B23}" dt="2024-10-07T04:36:52.162" v="306"/>
          <ac:spMkLst>
            <pc:docMk/>
            <pc:sldMk cId="151253258" sldId="297"/>
            <ac:spMk id="7" creationId="{42FD8667-2294-E177-44C9-CFBA75F1ADD2}"/>
          </ac:spMkLst>
        </pc:spChg>
        <pc:spChg chg="add del">
          <ac:chgData name="Joseph Guzman" userId="S::joseph.guzman@student.csulb.edu::17ccc4ac-b72a-4c03-9511-790abe281be7" providerId="AD" clId="Web-{ABA492C6-2FAD-497B-135A-2EDDA8424B23}" dt="2024-10-07T04:36:55.505" v="308"/>
          <ac:spMkLst>
            <pc:docMk/>
            <pc:sldMk cId="151253258" sldId="297"/>
            <ac:spMk id="9" creationId="{975F01E0-CBE9-C1D9-A72F-3295DBB2458F}"/>
          </ac:spMkLst>
        </pc:spChg>
        <pc:spChg chg="add mod">
          <ac:chgData name="Joseph Guzman" userId="S::joseph.guzman@student.csulb.edu::17ccc4ac-b72a-4c03-9511-790abe281be7" providerId="AD" clId="Web-{ABA492C6-2FAD-497B-135A-2EDDA8424B23}" dt="2024-10-07T05:44:49.931" v="368" actId="20577"/>
          <ac:spMkLst>
            <pc:docMk/>
            <pc:sldMk cId="151253258" sldId="297"/>
            <ac:spMk id="12" creationId="{82DBAB7B-2BB0-6148-F479-E4B09B58D5A9}"/>
          </ac:spMkLst>
        </pc:spChg>
        <pc:picChg chg="del">
          <ac:chgData name="Joseph Guzman" userId="S::joseph.guzman@student.csulb.edu::17ccc4ac-b72a-4c03-9511-790abe281be7" providerId="AD" clId="Web-{ABA492C6-2FAD-497B-135A-2EDDA8424B23}" dt="2024-10-07T04:29:30.058" v="277"/>
          <ac:picMkLst>
            <pc:docMk/>
            <pc:sldMk cId="151253258" sldId="297"/>
            <ac:picMk id="2" creationId="{A1CC1D08-6289-45A2-0CC0-10EE90DEC99A}"/>
          </ac:picMkLst>
        </pc:picChg>
        <pc:picChg chg="add del mod">
          <ac:chgData name="Joseph Guzman" userId="S::joseph.guzman@student.csulb.edu::17ccc4ac-b72a-4c03-9511-790abe281be7" providerId="AD" clId="Web-{ABA492C6-2FAD-497B-135A-2EDDA8424B23}" dt="2024-10-07T04:32:39.937" v="285"/>
          <ac:picMkLst>
            <pc:docMk/>
            <pc:sldMk cId="151253258" sldId="297"/>
            <ac:picMk id="3" creationId="{8140F737-4772-B00E-7660-E73093920ADC}"/>
          </ac:picMkLst>
        </pc:picChg>
        <pc:picChg chg="add mod">
          <ac:chgData name="Joseph Guzman" userId="S::joseph.guzman@student.csulb.edu::17ccc4ac-b72a-4c03-9511-790abe281be7" providerId="AD" clId="Web-{ABA492C6-2FAD-497B-135A-2EDDA8424B23}" dt="2024-10-07T04:37:58.069" v="334" actId="1076"/>
          <ac:picMkLst>
            <pc:docMk/>
            <pc:sldMk cId="151253258" sldId="297"/>
            <ac:picMk id="4" creationId="{A8E5EA78-1680-5F20-DB17-9338FE6FA53F}"/>
          </ac:picMkLst>
        </pc:picChg>
        <pc:picChg chg="add del">
          <ac:chgData name="Joseph Guzman" userId="S::joseph.guzman@student.csulb.edu::17ccc4ac-b72a-4c03-9511-790abe281be7" providerId="AD" clId="Web-{ABA492C6-2FAD-497B-135A-2EDDA8424B23}" dt="2024-10-07T04:37:32.209" v="321"/>
          <ac:picMkLst>
            <pc:docMk/>
            <pc:sldMk cId="151253258" sldId="297"/>
            <ac:picMk id="14" creationId="{A6E15F53-D48B-FAA5-873F-BBE876C423C0}"/>
          </ac:picMkLst>
        </pc:picChg>
        <pc:picChg chg="add del mod">
          <ac:chgData name="Joseph Guzman" userId="S::joseph.guzman@student.csulb.edu::17ccc4ac-b72a-4c03-9511-790abe281be7" providerId="AD" clId="Web-{ABA492C6-2FAD-497B-135A-2EDDA8424B23}" dt="2024-10-07T04:37:42.381" v="326"/>
          <ac:picMkLst>
            <pc:docMk/>
            <pc:sldMk cId="151253258" sldId="297"/>
            <ac:picMk id="16" creationId="{AA20FBF9-2971-232D-720C-7BDF49AA60A1}"/>
          </ac:picMkLst>
        </pc:picChg>
        <pc:picChg chg="add del mod">
          <ac:chgData name="Joseph Guzman" userId="S::joseph.guzman@student.csulb.edu::17ccc4ac-b72a-4c03-9511-790abe281be7" providerId="AD" clId="Web-{ABA492C6-2FAD-497B-135A-2EDDA8424B23}" dt="2024-10-07T04:37:53.382" v="332"/>
          <ac:picMkLst>
            <pc:docMk/>
            <pc:sldMk cId="151253258" sldId="297"/>
            <ac:picMk id="18" creationId="{01DF5151-0A4A-42CB-E7C0-BEC6E5D5733C}"/>
          </ac:picMkLst>
        </pc:picChg>
      </pc:sldChg>
      <pc:sldChg chg="addSp delSp modSp add replId">
        <pc:chgData name="Joseph Guzman" userId="S::joseph.guzman@student.csulb.edu::17ccc4ac-b72a-4c03-9511-790abe281be7" providerId="AD" clId="Web-{ABA492C6-2FAD-497B-135A-2EDDA8424B23}" dt="2024-10-07T05:44:48.290" v="362" actId="20577"/>
        <pc:sldMkLst>
          <pc:docMk/>
          <pc:sldMk cId="3829075380" sldId="298"/>
        </pc:sldMkLst>
        <pc:spChg chg="add mod">
          <ac:chgData name="Joseph Guzman" userId="S::joseph.guzman@student.csulb.edu::17ccc4ac-b72a-4c03-9511-790abe281be7" providerId="AD" clId="Web-{ABA492C6-2FAD-497B-135A-2EDDA8424B23}" dt="2024-10-07T05:44:48.290" v="362" actId="20577"/>
          <ac:spMkLst>
            <pc:docMk/>
            <pc:sldMk cId="3829075380" sldId="298"/>
            <ac:spMk id="5" creationId="{1C422CF1-DF8C-FEB5-9210-DE60A987EBBD}"/>
          </ac:spMkLst>
        </pc:spChg>
        <pc:spChg chg="del mod">
          <ac:chgData name="Joseph Guzman" userId="S::joseph.guzman@student.csulb.edu::17ccc4ac-b72a-4c03-9511-790abe281be7" providerId="AD" clId="Web-{ABA492C6-2FAD-497B-135A-2EDDA8424B23}" dt="2024-10-07T04:38:22.117" v="338"/>
          <ac:spMkLst>
            <pc:docMk/>
            <pc:sldMk cId="3829075380" sldId="298"/>
            <ac:spMk id="7" creationId="{42FD8667-2294-E177-44C9-CFBA75F1ADD2}"/>
          </ac:spMkLst>
        </pc:spChg>
        <pc:spChg chg="add del mod">
          <ac:chgData name="Joseph Guzman" userId="S::joseph.guzman@student.csulb.edu::17ccc4ac-b72a-4c03-9511-790abe281be7" providerId="AD" clId="Web-{ABA492C6-2FAD-497B-135A-2EDDA8424B23}" dt="2024-10-07T04:38:24.257" v="339"/>
          <ac:spMkLst>
            <pc:docMk/>
            <pc:sldMk cId="3829075380" sldId="298"/>
            <ac:spMk id="8" creationId="{F90BB9B5-DB04-D4C7-8BC6-E39A3112E377}"/>
          </ac:spMkLst>
        </pc:spChg>
        <pc:picChg chg="del">
          <ac:chgData name="Joseph Guzman" userId="S::joseph.guzman@student.csulb.edu::17ccc4ac-b72a-4c03-9511-790abe281be7" providerId="AD" clId="Web-{ABA492C6-2FAD-497B-135A-2EDDA8424B23}" dt="2024-10-07T04:29:28.199" v="276"/>
          <ac:picMkLst>
            <pc:docMk/>
            <pc:sldMk cId="3829075380" sldId="298"/>
            <ac:picMk id="2" creationId="{A1CC1D08-6289-45A2-0CC0-10EE90DEC99A}"/>
          </ac:picMkLst>
        </pc:picChg>
        <pc:picChg chg="add mod">
          <ac:chgData name="Joseph Guzman" userId="S::joseph.guzman@student.csulb.edu::17ccc4ac-b72a-4c03-9511-790abe281be7" providerId="AD" clId="Web-{ABA492C6-2FAD-497B-135A-2EDDA8424B23}" dt="2024-10-07T04:39:14.836" v="352" actId="1076"/>
          <ac:picMkLst>
            <pc:docMk/>
            <pc:sldMk cId="3829075380" sldId="298"/>
            <ac:picMk id="3" creationId="{15F53CFD-53FE-5DAB-BA74-68EEFA85FE46}"/>
          </ac:picMkLst>
        </pc:picChg>
      </pc:sldChg>
    </pc:docChg>
  </pc:docChgLst>
  <pc:docChgLst>
    <pc:chgData name="Jehmel Espiritu" userId="S::jehmel.espiritu01@student.csulb.edu::7d1c0f20-0b2e-4254-85e2-0ca8ab29360a" providerId="AD" clId="Web-{D3399202-9B5A-1C81-B1A7-670FB9E163CC}"/>
    <pc:docChg chg="delSld modSld">
      <pc:chgData name="Jehmel Espiritu" userId="S::jehmel.espiritu01@student.csulb.edu::7d1c0f20-0b2e-4254-85e2-0ca8ab29360a" providerId="AD" clId="Web-{D3399202-9B5A-1C81-B1A7-670FB9E163CC}" dt="2024-10-07T04:11:24.157" v="382" actId="20577"/>
      <pc:docMkLst>
        <pc:docMk/>
      </pc:docMkLst>
      <pc:sldChg chg="modSp del">
        <pc:chgData name="Jehmel Espiritu" userId="S::jehmel.espiritu01@student.csulb.edu::7d1c0f20-0b2e-4254-85e2-0ca8ab29360a" providerId="AD" clId="Web-{D3399202-9B5A-1C81-B1A7-670FB9E163CC}" dt="2024-10-07T03:03:13.196" v="66"/>
        <pc:sldMkLst>
          <pc:docMk/>
          <pc:sldMk cId="3571516367" sldId="258"/>
        </pc:sldMkLst>
        <pc:spChg chg="mod">
          <ac:chgData name="Jehmel Espiritu" userId="S::jehmel.espiritu01@student.csulb.edu::7d1c0f20-0b2e-4254-85e2-0ca8ab29360a" providerId="AD" clId="Web-{D3399202-9B5A-1C81-B1A7-670FB9E163CC}" dt="2024-10-07T03:03:11.196" v="65" actId="20577"/>
          <ac:spMkLst>
            <pc:docMk/>
            <pc:sldMk cId="3571516367" sldId="258"/>
            <ac:spMk id="3" creationId="{9D5232F9-FD00-464A-9F17-619C91AEF8F3}"/>
          </ac:spMkLst>
        </pc:spChg>
      </pc:sldChg>
      <pc:sldChg chg="modSp">
        <pc:chgData name="Jehmel Espiritu" userId="S::jehmel.espiritu01@student.csulb.edu::7d1c0f20-0b2e-4254-85e2-0ca8ab29360a" providerId="AD" clId="Web-{D3399202-9B5A-1C81-B1A7-670FB9E163CC}" dt="2024-10-07T04:11:24.157" v="382" actId="20577"/>
        <pc:sldMkLst>
          <pc:docMk/>
          <pc:sldMk cId="2898855606" sldId="287"/>
        </pc:sldMkLst>
        <pc:spChg chg="mod">
          <ac:chgData name="Jehmel Espiritu" userId="S::jehmel.espiritu01@student.csulb.edu::7d1c0f20-0b2e-4254-85e2-0ca8ab29360a" providerId="AD" clId="Web-{D3399202-9B5A-1C81-B1A7-670FB9E163CC}" dt="2024-10-07T04:11:24.157" v="382" actId="20577"/>
          <ac:spMkLst>
            <pc:docMk/>
            <pc:sldMk cId="2898855606" sldId="287"/>
            <ac:spMk id="25" creationId="{CE1351E0-5F12-AB1B-CAC3-33CED8066EE7}"/>
          </ac:spMkLst>
        </pc:spChg>
        <pc:spChg chg="mod">
          <ac:chgData name="Jehmel Espiritu" userId="S::jehmel.espiritu01@student.csulb.edu::7d1c0f20-0b2e-4254-85e2-0ca8ab29360a" providerId="AD" clId="Web-{D3399202-9B5A-1C81-B1A7-670FB9E163CC}" dt="2024-10-07T03:36:06.738" v="68" actId="20577"/>
          <ac:spMkLst>
            <pc:docMk/>
            <pc:sldMk cId="2898855606" sldId="287"/>
            <ac:spMk id="31" creationId="{DDF40877-7C86-6F12-4C8A-5F56CB5BB1C7}"/>
          </ac:spMkLst>
        </pc:spChg>
      </pc:sldChg>
    </pc:docChg>
  </pc:docChgLst>
  <pc:docChgLst>
    <pc:chgData name="Jonathan Cerniaz" userId="S::jonathan.cerniaz01@student.csulb.edu::3b628a21-462a-4b55-bac2-0c5dbb20dd63" providerId="AD" clId="Web-{227DE5FA-E6E7-D6D0-BAD1-B2D7F416E6DB}"/>
    <pc:docChg chg="addSld delSld modSld sldOrd addMainMaster">
      <pc:chgData name="Jonathan Cerniaz" userId="S::jonathan.cerniaz01@student.csulb.edu::3b628a21-462a-4b55-bac2-0c5dbb20dd63" providerId="AD" clId="Web-{227DE5FA-E6E7-D6D0-BAD1-B2D7F416E6DB}" dt="2024-10-06T08:18:52.271" v="1182" actId="20577"/>
      <pc:docMkLst>
        <pc:docMk/>
      </pc:docMkLst>
      <pc:sldChg chg="del">
        <pc:chgData name="Jonathan Cerniaz" userId="S::jonathan.cerniaz01@student.csulb.edu::3b628a21-462a-4b55-bac2-0c5dbb20dd63" providerId="AD" clId="Web-{227DE5FA-E6E7-D6D0-BAD1-B2D7F416E6DB}" dt="2024-10-06T06:37:22.546" v="46"/>
        <pc:sldMkLst>
          <pc:docMk/>
          <pc:sldMk cId="2586058810" sldId="256"/>
        </pc:sldMkLst>
      </pc:sldChg>
      <pc:sldChg chg="addSp delSp modSp mod ord modClrScheme chgLayout">
        <pc:chgData name="Jonathan Cerniaz" userId="S::jonathan.cerniaz01@student.csulb.edu::3b628a21-462a-4b55-bac2-0c5dbb20dd63" providerId="AD" clId="Web-{227DE5FA-E6E7-D6D0-BAD1-B2D7F416E6DB}" dt="2024-10-06T08:13:15.226" v="1174" actId="20577"/>
        <pc:sldMkLst>
          <pc:docMk/>
          <pc:sldMk cId="3571516367" sldId="258"/>
        </pc:sldMkLst>
        <pc:spChg chg="mod ord">
          <ac:chgData name="Jonathan Cerniaz" userId="S::jonathan.cerniaz01@student.csulb.edu::3b628a21-462a-4b55-bac2-0c5dbb20dd63" providerId="AD" clId="Web-{227DE5FA-E6E7-D6D0-BAD1-B2D7F416E6DB}" dt="2024-10-06T08:13:15.226" v="1174" actId="20577"/>
          <ac:spMkLst>
            <pc:docMk/>
            <pc:sldMk cId="3571516367" sldId="258"/>
            <ac:spMk id="2" creationId="{0A32731C-311B-46F7-A865-6C3AF6B09A47}"/>
          </ac:spMkLst>
        </pc:spChg>
        <pc:spChg chg="mod ord">
          <ac:chgData name="Jonathan Cerniaz" userId="S::jonathan.cerniaz01@student.csulb.edu::3b628a21-462a-4b55-bac2-0c5dbb20dd63" providerId="AD" clId="Web-{227DE5FA-E6E7-D6D0-BAD1-B2D7F416E6DB}" dt="2024-10-06T07:55:45.614" v="1106" actId="1076"/>
          <ac:spMkLst>
            <pc:docMk/>
            <pc:sldMk cId="3571516367" sldId="258"/>
            <ac:spMk id="3" creationId="{9D5232F9-FD00-464A-9F17-619C91AEF8F3}"/>
          </ac:spMkLst>
        </pc:spChg>
        <pc:spChg chg="add del mod ord">
          <ac:chgData name="Jonathan Cerniaz" userId="S::jonathan.cerniaz01@student.csulb.edu::3b628a21-462a-4b55-bac2-0c5dbb20dd63" providerId="AD" clId="Web-{227DE5FA-E6E7-D6D0-BAD1-B2D7F416E6DB}" dt="2024-10-06T07:11:25.540" v="685"/>
          <ac:spMkLst>
            <pc:docMk/>
            <pc:sldMk cId="3571516367" sldId="258"/>
            <ac:spMk id="4" creationId="{9157AF90-4528-805D-88E8-FA0C6E2D3148}"/>
          </ac:spMkLst>
        </pc:spChg>
        <pc:spChg chg="add">
          <ac:chgData name="Jonathan Cerniaz" userId="S::jonathan.cerniaz01@student.csulb.edu::3b628a21-462a-4b55-bac2-0c5dbb20dd63" providerId="AD" clId="Web-{227DE5FA-E6E7-D6D0-BAD1-B2D7F416E6DB}" dt="2024-10-06T07:12:34.480" v="703"/>
          <ac:spMkLst>
            <pc:docMk/>
            <pc:sldMk cId="3571516367" sldId="258"/>
            <ac:spMk id="9" creationId="{54688E97-A3F2-3F13-EFDD-BC327AD9D4CB}"/>
          </ac:spMkLst>
        </pc:spChg>
        <pc:spChg chg="del">
          <ac:chgData name="Jonathan Cerniaz" userId="S::jonathan.cerniaz01@student.csulb.edu::3b628a21-462a-4b55-bac2-0c5dbb20dd63" providerId="AD" clId="Web-{227DE5FA-E6E7-D6D0-BAD1-B2D7F416E6DB}" dt="2024-10-06T07:12:30.823" v="700"/>
          <ac:spMkLst>
            <pc:docMk/>
            <pc:sldMk cId="3571516367" sldId="258"/>
            <ac:spMk id="10" creationId="{12F62823-0101-7CF4-393B-D5CD65FB5644}"/>
          </ac:spMkLst>
        </pc:spChg>
        <pc:spChg chg="add del mod ord">
          <ac:chgData name="Jonathan Cerniaz" userId="S::jonathan.cerniaz01@student.csulb.edu::3b628a21-462a-4b55-bac2-0c5dbb20dd63" providerId="AD" clId="Web-{227DE5FA-E6E7-D6D0-BAD1-B2D7F416E6DB}" dt="2024-10-06T07:41:12.453" v="1055"/>
          <ac:spMkLst>
            <pc:docMk/>
            <pc:sldMk cId="3571516367" sldId="258"/>
            <ac:spMk id="11" creationId="{1EE1CC1E-7C68-1BD4-2E20-FBBB8F33F4C3}"/>
          </ac:spMkLst>
        </pc:spChg>
        <pc:spChg chg="add del mod ord">
          <ac:chgData name="Jonathan Cerniaz" userId="S::jonathan.cerniaz01@student.csulb.edu::3b628a21-462a-4b55-bac2-0c5dbb20dd63" providerId="AD" clId="Web-{227DE5FA-E6E7-D6D0-BAD1-B2D7F416E6DB}" dt="2024-10-06T07:41:12.563" v="1056"/>
          <ac:spMkLst>
            <pc:docMk/>
            <pc:sldMk cId="3571516367" sldId="258"/>
            <ac:spMk id="12" creationId="{3222D12C-553D-9679-5B15-5D43020CAC4E}"/>
          </ac:spMkLst>
        </pc:spChg>
        <pc:spChg chg="add del mod ord">
          <ac:chgData name="Jonathan Cerniaz" userId="S::jonathan.cerniaz01@student.csulb.edu::3b628a21-462a-4b55-bac2-0c5dbb20dd63" providerId="AD" clId="Web-{227DE5FA-E6E7-D6D0-BAD1-B2D7F416E6DB}" dt="2024-10-06T07:41:14.578" v="1057"/>
          <ac:spMkLst>
            <pc:docMk/>
            <pc:sldMk cId="3571516367" sldId="258"/>
            <ac:spMk id="13" creationId="{42489E9C-D3F6-8A41-16B2-C114785FC69C}"/>
          </ac:spMkLst>
        </pc:spChg>
        <pc:picChg chg="del">
          <ac:chgData name="Jonathan Cerniaz" userId="S::jonathan.cerniaz01@student.csulb.edu::3b628a21-462a-4b55-bac2-0c5dbb20dd63" providerId="AD" clId="Web-{227DE5FA-E6E7-D6D0-BAD1-B2D7F416E6DB}" dt="2024-10-06T07:12:30.823" v="701"/>
          <ac:picMkLst>
            <pc:docMk/>
            <pc:sldMk cId="3571516367" sldId="258"/>
            <ac:picMk id="6" creationId="{D7110DD8-33C3-655D-B7E3-BBBC53BADE73}"/>
          </ac:picMkLst>
        </pc:picChg>
        <pc:picChg chg="add">
          <ac:chgData name="Jonathan Cerniaz" userId="S::jonathan.cerniaz01@student.csulb.edu::3b628a21-462a-4b55-bac2-0c5dbb20dd63" providerId="AD" clId="Web-{227DE5FA-E6E7-D6D0-BAD1-B2D7F416E6DB}" dt="2024-10-06T07:12:34.480" v="702"/>
          <ac:picMkLst>
            <pc:docMk/>
            <pc:sldMk cId="3571516367" sldId="258"/>
            <ac:picMk id="7" creationId="{B8D6EB26-4476-43BC-A144-3C7F57468743}"/>
          </ac:picMkLst>
        </pc:picChg>
      </pc:sldChg>
      <pc:sldChg chg="addSp delSp modSp mod modClrScheme chgLayout">
        <pc:chgData name="Jonathan Cerniaz" userId="S::jonathan.cerniaz01@student.csulb.edu::3b628a21-462a-4b55-bac2-0c5dbb20dd63" providerId="AD" clId="Web-{227DE5FA-E6E7-D6D0-BAD1-B2D7F416E6DB}" dt="2024-10-06T07:46:16.351" v="1077"/>
        <pc:sldMkLst>
          <pc:docMk/>
          <pc:sldMk cId="1969787568" sldId="271"/>
        </pc:sldMkLst>
        <pc:spChg chg="mod ord">
          <ac:chgData name="Jonathan Cerniaz" userId="S::jonathan.cerniaz01@student.csulb.edu::3b628a21-462a-4b55-bac2-0c5dbb20dd63" providerId="AD" clId="Web-{227DE5FA-E6E7-D6D0-BAD1-B2D7F416E6DB}" dt="2024-10-06T07:09:38.428" v="667" actId="1076"/>
          <ac:spMkLst>
            <pc:docMk/>
            <pc:sldMk cId="1969787568" sldId="271"/>
            <ac:spMk id="2" creationId="{8BDF1EDE-5423-435C-B149-87AB1BC22B83}"/>
          </ac:spMkLst>
        </pc:spChg>
        <pc:spChg chg="add del mod ord">
          <ac:chgData name="Jonathan Cerniaz" userId="S::jonathan.cerniaz01@student.csulb.edu::3b628a21-462a-4b55-bac2-0c5dbb20dd63" providerId="AD" clId="Web-{227DE5FA-E6E7-D6D0-BAD1-B2D7F416E6DB}" dt="2024-10-06T07:09:21.084" v="663"/>
          <ac:spMkLst>
            <pc:docMk/>
            <pc:sldMk cId="1969787568" sldId="271"/>
            <ac:spMk id="3" creationId="{4411ED0D-D29A-06FC-2A03-87FC41C3D7F1}"/>
          </ac:spMkLst>
        </pc:spChg>
        <pc:spChg chg="add">
          <ac:chgData name="Jonathan Cerniaz" userId="S::jonathan.cerniaz01@student.csulb.edu::3b628a21-462a-4b55-bac2-0c5dbb20dd63" providerId="AD" clId="Web-{227DE5FA-E6E7-D6D0-BAD1-B2D7F416E6DB}" dt="2024-10-06T07:46:16.351" v="1077"/>
          <ac:spMkLst>
            <pc:docMk/>
            <pc:sldMk cId="1969787568" sldId="271"/>
            <ac:spMk id="7" creationId="{1CD71E7B-7A74-2054-B6A3-84043B91880B}"/>
          </ac:spMkLst>
        </pc:spChg>
        <pc:picChg chg="add">
          <ac:chgData name="Jonathan Cerniaz" userId="S::jonathan.cerniaz01@student.csulb.edu::3b628a21-462a-4b55-bac2-0c5dbb20dd63" providerId="AD" clId="Web-{227DE5FA-E6E7-D6D0-BAD1-B2D7F416E6DB}" dt="2024-10-06T07:46:16.335" v="1076"/>
          <ac:picMkLst>
            <pc:docMk/>
            <pc:sldMk cId="1969787568" sldId="271"/>
            <ac:picMk id="5" creationId="{37CA4C32-9C12-0205-4B22-6E18A64F986A}"/>
          </ac:picMkLst>
        </pc:picChg>
      </pc:sldChg>
      <pc:sldChg chg="addSp delSp modSp mod ord setBg modClrScheme chgLayout">
        <pc:chgData name="Jonathan Cerniaz" userId="S::jonathan.cerniaz01@student.csulb.edu::3b628a21-462a-4b55-bac2-0c5dbb20dd63" providerId="AD" clId="Web-{227DE5FA-E6E7-D6D0-BAD1-B2D7F416E6DB}" dt="2024-10-06T08:17:14.893" v="1180"/>
        <pc:sldMkLst>
          <pc:docMk/>
          <pc:sldMk cId="608796113" sldId="278"/>
        </pc:sldMkLst>
        <pc:spChg chg="del mod ord">
          <ac:chgData name="Jonathan Cerniaz" userId="S::jonathan.cerniaz01@student.csulb.edu::3b628a21-462a-4b55-bac2-0c5dbb20dd63" providerId="AD" clId="Web-{227DE5FA-E6E7-D6D0-BAD1-B2D7F416E6DB}" dt="2024-10-06T06:48:51.177" v="119"/>
          <ac:spMkLst>
            <pc:docMk/>
            <pc:sldMk cId="608796113" sldId="278"/>
            <ac:spMk id="2" creationId="{3B9733BC-553E-2106-F1D7-681702085F31}"/>
          </ac:spMkLst>
        </pc:spChg>
        <pc:spChg chg="mod">
          <ac:chgData name="Jonathan Cerniaz" userId="S::jonathan.cerniaz01@student.csulb.edu::3b628a21-462a-4b55-bac2-0c5dbb20dd63" providerId="AD" clId="Web-{227DE5FA-E6E7-D6D0-BAD1-B2D7F416E6DB}" dt="2024-10-06T08:11:51.364" v="1166" actId="20577"/>
          <ac:spMkLst>
            <pc:docMk/>
            <pc:sldMk cId="608796113" sldId="278"/>
            <ac:spMk id="3" creationId="{D74BC406-1584-A7F7-A390-93AAD90F20F3}"/>
          </ac:spMkLst>
        </pc:spChg>
        <pc:spChg chg="del mod">
          <ac:chgData name="Jonathan Cerniaz" userId="S::jonathan.cerniaz01@student.csulb.edu::3b628a21-462a-4b55-bac2-0c5dbb20dd63" providerId="AD" clId="Web-{227DE5FA-E6E7-D6D0-BAD1-B2D7F416E6DB}" dt="2024-10-06T07:40:05.185" v="1047"/>
          <ac:spMkLst>
            <pc:docMk/>
            <pc:sldMk cId="608796113" sldId="278"/>
            <ac:spMk id="10" creationId="{A7CDD1D2-9D04-3C93-0F81-BAABDCCCD453}"/>
          </ac:spMkLst>
        </pc:spChg>
        <pc:spChg chg="del mod">
          <ac:chgData name="Jonathan Cerniaz" userId="S::jonathan.cerniaz01@student.csulb.edu::3b628a21-462a-4b55-bac2-0c5dbb20dd63" providerId="AD" clId="Web-{227DE5FA-E6E7-D6D0-BAD1-B2D7F416E6DB}" dt="2024-10-06T07:40:05.185" v="1046"/>
          <ac:spMkLst>
            <pc:docMk/>
            <pc:sldMk cId="608796113" sldId="278"/>
            <ac:spMk id="11" creationId="{B806B5B0-7B49-BF43-5F73-8A8EBEBA4FC2}"/>
          </ac:spMkLst>
        </pc:spChg>
        <pc:spChg chg="del mod">
          <ac:chgData name="Jonathan Cerniaz" userId="S::jonathan.cerniaz01@student.csulb.edu::3b628a21-462a-4b55-bac2-0c5dbb20dd63" providerId="AD" clId="Web-{227DE5FA-E6E7-D6D0-BAD1-B2D7F416E6DB}" dt="2024-10-06T07:40:05.185" v="1045"/>
          <ac:spMkLst>
            <pc:docMk/>
            <pc:sldMk cId="608796113" sldId="278"/>
            <ac:spMk id="12" creationId="{C7E4C41A-0195-C7C2-2ED2-FC68A13136EB}"/>
          </ac:spMkLst>
        </pc:spChg>
        <pc:spChg chg="del mod">
          <ac:chgData name="Jonathan Cerniaz" userId="S::jonathan.cerniaz01@student.csulb.edu::3b628a21-462a-4b55-bac2-0c5dbb20dd63" providerId="AD" clId="Web-{227DE5FA-E6E7-D6D0-BAD1-B2D7F416E6DB}" dt="2024-10-06T07:40:05.185" v="1044"/>
          <ac:spMkLst>
            <pc:docMk/>
            <pc:sldMk cId="608796113" sldId="278"/>
            <ac:spMk id="13" creationId="{5A6D4650-B26C-F383-8AAE-814A2264854C}"/>
          </ac:spMkLst>
        </pc:spChg>
        <pc:spChg chg="del mod">
          <ac:chgData name="Jonathan Cerniaz" userId="S::jonathan.cerniaz01@student.csulb.edu::3b628a21-462a-4b55-bac2-0c5dbb20dd63" providerId="AD" clId="Web-{227DE5FA-E6E7-D6D0-BAD1-B2D7F416E6DB}" dt="2024-10-06T07:40:05.185" v="1043"/>
          <ac:spMkLst>
            <pc:docMk/>
            <pc:sldMk cId="608796113" sldId="278"/>
            <ac:spMk id="14" creationId="{A5DA1B6D-9A93-A065-D7C5-3E82D790824A}"/>
          </ac:spMkLst>
        </pc:spChg>
        <pc:spChg chg="del mod">
          <ac:chgData name="Jonathan Cerniaz" userId="S::jonathan.cerniaz01@student.csulb.edu::3b628a21-462a-4b55-bac2-0c5dbb20dd63" providerId="AD" clId="Web-{227DE5FA-E6E7-D6D0-BAD1-B2D7F416E6DB}" dt="2024-10-06T07:40:05.185" v="1042"/>
          <ac:spMkLst>
            <pc:docMk/>
            <pc:sldMk cId="608796113" sldId="278"/>
            <ac:spMk id="15" creationId="{D2585015-F5E1-EA4B-9631-4DBDE810EBFA}"/>
          </ac:spMkLst>
        </pc:spChg>
        <pc:spChg chg="del mod ord">
          <ac:chgData name="Jonathan Cerniaz" userId="S::jonathan.cerniaz01@student.csulb.edu::3b628a21-462a-4b55-bac2-0c5dbb20dd63" providerId="AD" clId="Web-{227DE5FA-E6E7-D6D0-BAD1-B2D7F416E6DB}" dt="2024-10-06T06:48:46.005" v="118"/>
          <ac:spMkLst>
            <pc:docMk/>
            <pc:sldMk cId="608796113" sldId="278"/>
            <ac:spMk id="16" creationId="{FF179795-6C1C-1D31-2B8D-FF87BF2A2885}"/>
          </ac:spMkLst>
        </pc:spChg>
        <pc:spChg chg="add del mod ord">
          <ac:chgData name="Jonathan Cerniaz" userId="S::jonathan.cerniaz01@student.csulb.edu::3b628a21-462a-4b55-bac2-0c5dbb20dd63" providerId="AD" clId="Web-{227DE5FA-E6E7-D6D0-BAD1-B2D7F416E6DB}" dt="2024-10-06T06:51:30.181" v="163"/>
          <ac:spMkLst>
            <pc:docMk/>
            <pc:sldMk cId="608796113" sldId="278"/>
            <ac:spMk id="17" creationId="{8544C281-869B-4D4E-38B2-73940E91F274}"/>
          </ac:spMkLst>
        </pc:spChg>
        <pc:spChg chg="add del mod ord">
          <ac:chgData name="Jonathan Cerniaz" userId="S::jonathan.cerniaz01@student.csulb.edu::3b628a21-462a-4b55-bac2-0c5dbb20dd63" providerId="AD" clId="Web-{227DE5FA-E6E7-D6D0-BAD1-B2D7F416E6DB}" dt="2024-10-06T06:51:37.857" v="166"/>
          <ac:spMkLst>
            <pc:docMk/>
            <pc:sldMk cId="608796113" sldId="278"/>
            <ac:spMk id="18" creationId="{DEE1D317-D15C-D9B7-086B-68BDB29DEA38}"/>
          </ac:spMkLst>
        </pc:spChg>
        <pc:spChg chg="add del mod ord">
          <ac:chgData name="Jonathan Cerniaz" userId="S::jonathan.cerniaz01@student.csulb.edu::3b628a21-462a-4b55-bac2-0c5dbb20dd63" providerId="AD" clId="Web-{227DE5FA-E6E7-D6D0-BAD1-B2D7F416E6DB}" dt="2024-10-06T06:51:42.373" v="167"/>
          <ac:spMkLst>
            <pc:docMk/>
            <pc:sldMk cId="608796113" sldId="278"/>
            <ac:spMk id="19" creationId="{20D37D19-80B0-DFBD-9098-BC5AC83A5BDE}"/>
          </ac:spMkLst>
        </pc:spChg>
        <pc:spChg chg="add del mod ord">
          <ac:chgData name="Jonathan Cerniaz" userId="S::jonathan.cerniaz01@student.csulb.edu::3b628a21-462a-4b55-bac2-0c5dbb20dd63" providerId="AD" clId="Web-{227DE5FA-E6E7-D6D0-BAD1-B2D7F416E6DB}" dt="2024-10-06T06:51:33.076" v="165"/>
          <ac:spMkLst>
            <pc:docMk/>
            <pc:sldMk cId="608796113" sldId="278"/>
            <ac:spMk id="20" creationId="{B45D0AE9-9A6F-A6EA-186A-E78266B50D78}"/>
          </ac:spMkLst>
        </pc:spChg>
        <pc:spChg chg="add del mod ord">
          <ac:chgData name="Jonathan Cerniaz" userId="S::jonathan.cerniaz01@student.csulb.edu::3b628a21-462a-4b55-bac2-0c5dbb20dd63" providerId="AD" clId="Web-{227DE5FA-E6E7-D6D0-BAD1-B2D7F416E6DB}" dt="2024-10-06T06:51:31.650" v="164"/>
          <ac:spMkLst>
            <pc:docMk/>
            <pc:sldMk cId="608796113" sldId="278"/>
            <ac:spMk id="21" creationId="{37788DFE-7C59-15C6-4368-39590E35406A}"/>
          </ac:spMkLst>
        </pc:spChg>
        <pc:spChg chg="add del mod ord">
          <ac:chgData name="Jonathan Cerniaz" userId="S::jonathan.cerniaz01@student.csulb.edu::3b628a21-462a-4b55-bac2-0c5dbb20dd63" providerId="AD" clId="Web-{227DE5FA-E6E7-D6D0-BAD1-B2D7F416E6DB}" dt="2024-10-06T06:52:55.500" v="182"/>
          <ac:spMkLst>
            <pc:docMk/>
            <pc:sldMk cId="608796113" sldId="278"/>
            <ac:spMk id="22" creationId="{93AE7793-2BF6-49B6-CD15-910CFA849FC0}"/>
          </ac:spMkLst>
        </pc:spChg>
        <pc:spChg chg="add del mod ord">
          <ac:chgData name="Jonathan Cerniaz" userId="S::jonathan.cerniaz01@student.csulb.edu::3b628a21-462a-4b55-bac2-0c5dbb20dd63" providerId="AD" clId="Web-{227DE5FA-E6E7-D6D0-BAD1-B2D7F416E6DB}" dt="2024-10-06T06:53:05.032" v="186"/>
          <ac:spMkLst>
            <pc:docMk/>
            <pc:sldMk cId="608796113" sldId="278"/>
            <ac:spMk id="23" creationId="{84D1FEB0-1DC6-1062-AA5D-8DB680E1038F}"/>
          </ac:spMkLst>
        </pc:spChg>
        <pc:spChg chg="add del mod ord">
          <ac:chgData name="Jonathan Cerniaz" userId="S::jonathan.cerniaz01@student.csulb.edu::3b628a21-462a-4b55-bac2-0c5dbb20dd63" providerId="AD" clId="Web-{227DE5FA-E6E7-D6D0-BAD1-B2D7F416E6DB}" dt="2024-10-06T06:53:03.110" v="185"/>
          <ac:spMkLst>
            <pc:docMk/>
            <pc:sldMk cId="608796113" sldId="278"/>
            <ac:spMk id="24" creationId="{C45B1913-F4A9-5FCF-9C78-58DED75CE535}"/>
          </ac:spMkLst>
        </pc:spChg>
        <pc:spChg chg="add del mod ord">
          <ac:chgData name="Jonathan Cerniaz" userId="S::jonathan.cerniaz01@student.csulb.edu::3b628a21-462a-4b55-bac2-0c5dbb20dd63" providerId="AD" clId="Web-{227DE5FA-E6E7-D6D0-BAD1-B2D7F416E6DB}" dt="2024-10-06T06:52:57.047" v="183"/>
          <ac:spMkLst>
            <pc:docMk/>
            <pc:sldMk cId="608796113" sldId="278"/>
            <ac:spMk id="25" creationId="{9BE28A32-EDC5-EC48-F2B9-B42906CAAD9E}"/>
          </ac:spMkLst>
        </pc:spChg>
        <pc:spChg chg="add del mod ord">
          <ac:chgData name="Jonathan Cerniaz" userId="S::jonathan.cerniaz01@student.csulb.edu::3b628a21-462a-4b55-bac2-0c5dbb20dd63" providerId="AD" clId="Web-{227DE5FA-E6E7-D6D0-BAD1-B2D7F416E6DB}" dt="2024-10-06T06:52:58.750" v="184"/>
          <ac:spMkLst>
            <pc:docMk/>
            <pc:sldMk cId="608796113" sldId="278"/>
            <ac:spMk id="26" creationId="{EB1A51B3-FA8B-A9D6-6F50-35936F5E15DC}"/>
          </ac:spMkLst>
        </pc:spChg>
        <pc:spChg chg="add mod">
          <ac:chgData name="Jonathan Cerniaz" userId="S::jonathan.cerniaz01@student.csulb.edu::3b628a21-462a-4b55-bac2-0c5dbb20dd63" providerId="AD" clId="Web-{227DE5FA-E6E7-D6D0-BAD1-B2D7F416E6DB}" dt="2024-10-06T08:10:36.706" v="1130"/>
          <ac:spMkLst>
            <pc:docMk/>
            <pc:sldMk cId="608796113" sldId="278"/>
            <ac:spMk id="28" creationId="{C026F914-9B6B-172A-4ACF-47CB043E2FCC}"/>
          </ac:spMkLst>
        </pc:spChg>
        <pc:spChg chg="add mod">
          <ac:chgData name="Jonathan Cerniaz" userId="S::jonathan.cerniaz01@student.csulb.edu::3b628a21-462a-4b55-bac2-0c5dbb20dd63" providerId="AD" clId="Web-{227DE5FA-E6E7-D6D0-BAD1-B2D7F416E6DB}" dt="2024-10-06T08:11:09.050" v="1161"/>
          <ac:spMkLst>
            <pc:docMk/>
            <pc:sldMk cId="608796113" sldId="278"/>
            <ac:spMk id="30" creationId="{CE758ABD-26B1-FA45-9FAB-46E04E47EABE}"/>
          </ac:spMkLst>
        </pc:spChg>
        <pc:spChg chg="add mod">
          <ac:chgData name="Jonathan Cerniaz" userId="S::jonathan.cerniaz01@student.csulb.edu::3b628a21-462a-4b55-bac2-0c5dbb20dd63" providerId="AD" clId="Web-{227DE5FA-E6E7-D6D0-BAD1-B2D7F416E6DB}" dt="2024-10-06T08:11:09.050" v="1162"/>
          <ac:spMkLst>
            <pc:docMk/>
            <pc:sldMk cId="608796113" sldId="278"/>
            <ac:spMk id="32" creationId="{C08B60A1-9D1E-22CC-DA80-8DCC3E169294}"/>
          </ac:spMkLst>
        </pc:spChg>
        <pc:spChg chg="add mod">
          <ac:chgData name="Jonathan Cerniaz" userId="S::jonathan.cerniaz01@student.csulb.edu::3b628a21-462a-4b55-bac2-0c5dbb20dd63" providerId="AD" clId="Web-{227DE5FA-E6E7-D6D0-BAD1-B2D7F416E6DB}" dt="2024-10-06T08:10:36.706" v="1133"/>
          <ac:spMkLst>
            <pc:docMk/>
            <pc:sldMk cId="608796113" sldId="278"/>
            <ac:spMk id="34" creationId="{5BDBE37D-BA99-FD9F-409B-793C33D1264A}"/>
          </ac:spMkLst>
        </pc:spChg>
        <pc:spChg chg="add mod">
          <ac:chgData name="Jonathan Cerniaz" userId="S::jonathan.cerniaz01@student.csulb.edu::3b628a21-462a-4b55-bac2-0c5dbb20dd63" providerId="AD" clId="Web-{227DE5FA-E6E7-D6D0-BAD1-B2D7F416E6DB}" dt="2024-10-06T08:11:09.050" v="1163"/>
          <ac:spMkLst>
            <pc:docMk/>
            <pc:sldMk cId="608796113" sldId="278"/>
            <ac:spMk id="36" creationId="{56E61129-E774-9969-B3D9-7C2A0BAED0BC}"/>
          </ac:spMkLst>
        </pc:spChg>
        <pc:spChg chg="add mod">
          <ac:chgData name="Jonathan Cerniaz" userId="S::jonathan.cerniaz01@student.csulb.edu::3b628a21-462a-4b55-bac2-0c5dbb20dd63" providerId="AD" clId="Web-{227DE5FA-E6E7-D6D0-BAD1-B2D7F416E6DB}" dt="2024-10-06T08:11:09.082" v="1164"/>
          <ac:spMkLst>
            <pc:docMk/>
            <pc:sldMk cId="608796113" sldId="278"/>
            <ac:spMk id="38" creationId="{DD3018DF-0584-9FC2-5991-D547D2903771}"/>
          </ac:spMkLst>
        </pc:spChg>
        <pc:picChg chg="mod">
          <ac:chgData name="Jonathan Cerniaz" userId="S::jonathan.cerniaz01@student.csulb.edu::3b628a21-462a-4b55-bac2-0c5dbb20dd63" providerId="AD" clId="Web-{227DE5FA-E6E7-D6D0-BAD1-B2D7F416E6DB}" dt="2024-10-06T07:04:18.388" v="593" actId="1076"/>
          <ac:picMkLst>
            <pc:docMk/>
            <pc:sldMk cId="608796113" sldId="278"/>
            <ac:picMk id="4" creationId="{4974092B-9715-D4EF-FCB7-57725A0D6603}"/>
          </ac:picMkLst>
        </pc:picChg>
        <pc:picChg chg="mod">
          <ac:chgData name="Jonathan Cerniaz" userId="S::jonathan.cerniaz01@student.csulb.edu::3b628a21-462a-4b55-bac2-0c5dbb20dd63" providerId="AD" clId="Web-{227DE5FA-E6E7-D6D0-BAD1-B2D7F416E6DB}" dt="2024-10-06T07:04:47.248" v="602" actId="1076"/>
          <ac:picMkLst>
            <pc:docMk/>
            <pc:sldMk cId="608796113" sldId="278"/>
            <ac:picMk id="5" creationId="{C8D639C0-74B0-9357-1D5C-FAE821501A3C}"/>
          </ac:picMkLst>
        </pc:picChg>
        <pc:picChg chg="mod">
          <ac:chgData name="Jonathan Cerniaz" userId="S::jonathan.cerniaz01@student.csulb.edu::3b628a21-462a-4b55-bac2-0c5dbb20dd63" providerId="AD" clId="Web-{227DE5FA-E6E7-D6D0-BAD1-B2D7F416E6DB}" dt="2024-10-06T07:04:21.919" v="595" actId="1076"/>
          <ac:picMkLst>
            <pc:docMk/>
            <pc:sldMk cId="608796113" sldId="278"/>
            <ac:picMk id="6" creationId="{73455802-D3BD-7191-59D2-E3F36CAB623C}"/>
          </ac:picMkLst>
        </pc:picChg>
        <pc:picChg chg="mod">
          <ac:chgData name="Jonathan Cerniaz" userId="S::jonathan.cerniaz01@student.csulb.edu::3b628a21-462a-4b55-bac2-0c5dbb20dd63" providerId="AD" clId="Web-{227DE5FA-E6E7-D6D0-BAD1-B2D7F416E6DB}" dt="2024-10-06T07:04:38.169" v="599" actId="1076"/>
          <ac:picMkLst>
            <pc:docMk/>
            <pc:sldMk cId="608796113" sldId="278"/>
            <ac:picMk id="7" creationId="{2422A08C-F390-2E54-4458-8ED1DA6F1FD1}"/>
          </ac:picMkLst>
        </pc:picChg>
        <pc:picChg chg="mod">
          <ac:chgData name="Jonathan Cerniaz" userId="S::jonathan.cerniaz01@student.csulb.edu::3b628a21-462a-4b55-bac2-0c5dbb20dd63" providerId="AD" clId="Web-{227DE5FA-E6E7-D6D0-BAD1-B2D7F416E6DB}" dt="2024-10-06T07:04:40.232" v="600" actId="1076"/>
          <ac:picMkLst>
            <pc:docMk/>
            <pc:sldMk cId="608796113" sldId="278"/>
            <ac:picMk id="8" creationId="{900FE89D-D1A6-FD2C-6F3D-9B0CC9BC723E}"/>
          </ac:picMkLst>
        </pc:picChg>
        <pc:picChg chg="mod">
          <ac:chgData name="Jonathan Cerniaz" userId="S::jonathan.cerniaz01@student.csulb.edu::3b628a21-462a-4b55-bac2-0c5dbb20dd63" providerId="AD" clId="Web-{227DE5FA-E6E7-D6D0-BAD1-B2D7F416E6DB}" dt="2024-10-06T07:04:43.638" v="601" actId="1076"/>
          <ac:picMkLst>
            <pc:docMk/>
            <pc:sldMk cId="608796113" sldId="278"/>
            <ac:picMk id="9" creationId="{02E3C0FE-0711-D2EE-0386-8835C8598661}"/>
          </ac:picMkLst>
        </pc:picChg>
      </pc:sldChg>
      <pc:sldChg chg="addSp delSp modSp mod modClrScheme chgLayout">
        <pc:chgData name="Jonathan Cerniaz" userId="S::jonathan.cerniaz01@student.csulb.edu::3b628a21-462a-4b55-bac2-0c5dbb20dd63" providerId="AD" clId="Web-{227DE5FA-E6E7-D6D0-BAD1-B2D7F416E6DB}" dt="2024-10-06T07:23:57.577" v="763"/>
        <pc:sldMkLst>
          <pc:docMk/>
          <pc:sldMk cId="2241459136" sldId="279"/>
        </pc:sldMkLst>
        <pc:spChg chg="del mod ord">
          <ac:chgData name="Jonathan Cerniaz" userId="S::jonathan.cerniaz01@student.csulb.edu::3b628a21-462a-4b55-bac2-0c5dbb20dd63" providerId="AD" clId="Web-{227DE5FA-E6E7-D6D0-BAD1-B2D7F416E6DB}" dt="2024-10-06T06:58:25.966" v="224"/>
          <ac:spMkLst>
            <pc:docMk/>
            <pc:sldMk cId="2241459136" sldId="279"/>
            <ac:spMk id="2" creationId="{818AFA5E-469B-2BFC-9D4E-BD1EC6E48CA0}"/>
          </ac:spMkLst>
        </pc:spChg>
        <pc:spChg chg="add del mod ord">
          <ac:chgData name="Jonathan Cerniaz" userId="S::jonathan.cerniaz01@student.csulb.edu::3b628a21-462a-4b55-bac2-0c5dbb20dd63" providerId="AD" clId="Web-{227DE5FA-E6E7-D6D0-BAD1-B2D7F416E6DB}" dt="2024-10-06T06:40:03.332" v="57"/>
          <ac:spMkLst>
            <pc:docMk/>
            <pc:sldMk cId="2241459136" sldId="279"/>
            <ac:spMk id="4" creationId="{762038CB-2322-12AD-1AEB-3AF4E4D2A33F}"/>
          </ac:spMkLst>
        </pc:spChg>
        <pc:spChg chg="add del mod ord">
          <ac:chgData name="Jonathan Cerniaz" userId="S::jonathan.cerniaz01@student.csulb.edu::3b628a21-462a-4b55-bac2-0c5dbb20dd63" providerId="AD" clId="Web-{227DE5FA-E6E7-D6D0-BAD1-B2D7F416E6DB}" dt="2024-10-06T06:54:40.616" v="190"/>
          <ac:spMkLst>
            <pc:docMk/>
            <pc:sldMk cId="2241459136" sldId="279"/>
            <ac:spMk id="6" creationId="{6422444D-5880-C514-3582-BEDB5BB38EC9}"/>
          </ac:spMkLst>
        </pc:spChg>
        <pc:spChg chg="add del mod ord">
          <ac:chgData name="Jonathan Cerniaz" userId="S::jonathan.cerniaz01@student.csulb.edu::3b628a21-462a-4b55-bac2-0c5dbb20dd63" providerId="AD" clId="Web-{227DE5FA-E6E7-D6D0-BAD1-B2D7F416E6DB}" dt="2024-10-06T06:54:37.225" v="189"/>
          <ac:spMkLst>
            <pc:docMk/>
            <pc:sldMk cId="2241459136" sldId="279"/>
            <ac:spMk id="9" creationId="{79E033A5-12C0-B6FA-C5C7-F33FF391B312}"/>
          </ac:spMkLst>
        </pc:spChg>
        <pc:spChg chg="del mod">
          <ac:chgData name="Jonathan Cerniaz" userId="S::jonathan.cerniaz01@student.csulb.edu::3b628a21-462a-4b55-bac2-0c5dbb20dd63" providerId="AD" clId="Web-{227DE5FA-E6E7-D6D0-BAD1-B2D7F416E6DB}" dt="2024-10-06T07:23:47.046" v="758"/>
          <ac:spMkLst>
            <pc:docMk/>
            <pc:sldMk cId="2241459136" sldId="279"/>
            <ac:spMk id="10" creationId="{5F8C44CE-7FDB-CE97-13E9-D7A3A83C8534}"/>
          </ac:spMkLst>
        </pc:spChg>
        <pc:spChg chg="add del mod ord">
          <ac:chgData name="Jonathan Cerniaz" userId="S::jonathan.cerniaz01@student.csulb.edu::3b628a21-462a-4b55-bac2-0c5dbb20dd63" providerId="AD" clId="Web-{227DE5FA-E6E7-D6D0-BAD1-B2D7F416E6DB}" dt="2024-10-06T06:54:42.179" v="191"/>
          <ac:spMkLst>
            <pc:docMk/>
            <pc:sldMk cId="2241459136" sldId="279"/>
            <ac:spMk id="11" creationId="{01024AF6-7194-9594-783C-5A22ABA932CB}"/>
          </ac:spMkLst>
        </pc:spChg>
        <pc:spChg chg="add del mod ord">
          <ac:chgData name="Jonathan Cerniaz" userId="S::jonathan.cerniaz01@student.csulb.edu::3b628a21-462a-4b55-bac2-0c5dbb20dd63" providerId="AD" clId="Web-{227DE5FA-E6E7-D6D0-BAD1-B2D7F416E6DB}" dt="2024-10-06T06:54:43.507" v="192"/>
          <ac:spMkLst>
            <pc:docMk/>
            <pc:sldMk cId="2241459136" sldId="279"/>
            <ac:spMk id="12" creationId="{DB0A8828-7916-A5A7-AB9D-C973024D1A8C}"/>
          </ac:spMkLst>
        </pc:spChg>
        <pc:spChg chg="add del mod ord">
          <ac:chgData name="Jonathan Cerniaz" userId="S::jonathan.cerniaz01@student.csulb.edu::3b628a21-462a-4b55-bac2-0c5dbb20dd63" providerId="AD" clId="Web-{227DE5FA-E6E7-D6D0-BAD1-B2D7F416E6DB}" dt="2024-10-06T06:55:02.179" v="195"/>
          <ac:spMkLst>
            <pc:docMk/>
            <pc:sldMk cId="2241459136" sldId="279"/>
            <ac:spMk id="13" creationId="{F8BC98C0-BF2D-46E6-69D3-B6BD2C8A4420}"/>
          </ac:spMkLst>
        </pc:spChg>
        <pc:spChg chg="add del mod">
          <ac:chgData name="Jonathan Cerniaz" userId="S::jonathan.cerniaz01@student.csulb.edu::3b628a21-462a-4b55-bac2-0c5dbb20dd63" providerId="AD" clId="Web-{227DE5FA-E6E7-D6D0-BAD1-B2D7F416E6DB}" dt="2024-10-06T07:02:53.260" v="589"/>
          <ac:spMkLst>
            <pc:docMk/>
            <pc:sldMk cId="2241459136" sldId="279"/>
            <ac:spMk id="14" creationId="{83DAD771-60AD-42FD-13BC-D21DA007C8A4}"/>
          </ac:spMkLst>
        </pc:spChg>
        <pc:spChg chg="add del mod">
          <ac:chgData name="Jonathan Cerniaz" userId="S::jonathan.cerniaz01@student.csulb.edu::3b628a21-462a-4b55-bac2-0c5dbb20dd63" providerId="AD" clId="Web-{227DE5FA-E6E7-D6D0-BAD1-B2D7F416E6DB}" dt="2024-10-06T06:58:30.107" v="225"/>
          <ac:spMkLst>
            <pc:docMk/>
            <pc:sldMk cId="2241459136" sldId="279"/>
            <ac:spMk id="16" creationId="{0D5011FB-D579-411B-B90D-720B7D27DD82}"/>
          </ac:spMkLst>
        </pc:spChg>
        <pc:spChg chg="add mod">
          <ac:chgData name="Jonathan Cerniaz" userId="S::jonathan.cerniaz01@student.csulb.edu::3b628a21-462a-4b55-bac2-0c5dbb20dd63" providerId="AD" clId="Web-{227DE5FA-E6E7-D6D0-BAD1-B2D7F416E6DB}" dt="2024-10-06T06:59:29.140" v="270" actId="1076"/>
          <ac:spMkLst>
            <pc:docMk/>
            <pc:sldMk cId="2241459136" sldId="279"/>
            <ac:spMk id="17" creationId="{CFC74B6C-7320-55AD-4055-62A44465173B}"/>
          </ac:spMkLst>
        </pc:spChg>
        <pc:spChg chg="add del mod">
          <ac:chgData name="Jonathan Cerniaz" userId="S::jonathan.cerniaz01@student.csulb.edu::3b628a21-462a-4b55-bac2-0c5dbb20dd63" providerId="AD" clId="Web-{227DE5FA-E6E7-D6D0-BAD1-B2D7F416E6DB}" dt="2024-10-06T07:00:22.943" v="331"/>
          <ac:spMkLst>
            <pc:docMk/>
            <pc:sldMk cId="2241459136" sldId="279"/>
            <ac:spMk id="18" creationId="{DDD40CEC-3462-71F6-6989-6B8F906FB450}"/>
          </ac:spMkLst>
        </pc:spChg>
        <pc:spChg chg="add mod">
          <ac:chgData name="Jonathan Cerniaz" userId="S::jonathan.cerniaz01@student.csulb.edu::3b628a21-462a-4b55-bac2-0c5dbb20dd63" providerId="AD" clId="Web-{227DE5FA-E6E7-D6D0-BAD1-B2D7F416E6DB}" dt="2024-10-06T07:03:25.589" v="590" actId="1076"/>
          <ac:spMkLst>
            <pc:docMk/>
            <pc:sldMk cId="2241459136" sldId="279"/>
            <ac:spMk id="19" creationId="{6BFE5DD5-846D-0BA9-3FDB-115ACAB56339}"/>
          </ac:spMkLst>
        </pc:spChg>
        <pc:spChg chg="add del mod">
          <ac:chgData name="Jonathan Cerniaz" userId="S::jonathan.cerniaz01@student.csulb.edu::3b628a21-462a-4b55-bac2-0c5dbb20dd63" providerId="AD" clId="Web-{227DE5FA-E6E7-D6D0-BAD1-B2D7F416E6DB}" dt="2024-10-06T07:23:53.874" v="760"/>
          <ac:spMkLst>
            <pc:docMk/>
            <pc:sldMk cId="2241459136" sldId="279"/>
            <ac:spMk id="24" creationId="{27540BD0-D747-F919-2463-423CA2D73677}"/>
          </ac:spMkLst>
        </pc:spChg>
        <pc:spChg chg="add">
          <ac:chgData name="Jonathan Cerniaz" userId="S::jonathan.cerniaz01@student.csulb.edu::3b628a21-462a-4b55-bac2-0c5dbb20dd63" providerId="AD" clId="Web-{227DE5FA-E6E7-D6D0-BAD1-B2D7F416E6DB}" dt="2024-10-06T07:23:57.577" v="763"/>
          <ac:spMkLst>
            <pc:docMk/>
            <pc:sldMk cId="2241459136" sldId="279"/>
            <ac:spMk id="28" creationId="{756A3313-780D-462F-01DC-14687EA3FF4A}"/>
          </ac:spMkLst>
        </pc:spChg>
        <pc:picChg chg="del">
          <ac:chgData name="Jonathan Cerniaz" userId="S::jonathan.cerniaz01@student.csulb.edu::3b628a21-462a-4b55-bac2-0c5dbb20dd63" providerId="AD" clId="Web-{227DE5FA-E6E7-D6D0-BAD1-B2D7F416E6DB}" dt="2024-10-06T07:23:54.468" v="761"/>
          <ac:picMkLst>
            <pc:docMk/>
            <pc:sldMk cId="2241459136" sldId="279"/>
            <ac:picMk id="3" creationId="{F9DB176B-A746-55B7-E64D-D6DFD6007806}"/>
          </ac:picMkLst>
        </pc:picChg>
        <pc:picChg chg="add del mod">
          <ac:chgData name="Jonathan Cerniaz" userId="S::jonathan.cerniaz01@student.csulb.edu::3b628a21-462a-4b55-bac2-0c5dbb20dd63" providerId="AD" clId="Web-{227DE5FA-E6E7-D6D0-BAD1-B2D7F416E6DB}" dt="2024-10-06T06:54:58.195" v="194"/>
          <ac:picMkLst>
            <pc:docMk/>
            <pc:sldMk cId="2241459136" sldId="279"/>
            <ac:picMk id="7" creationId="{A9D79C60-3F1A-74A8-74C5-4BD8170F4AB6}"/>
          </ac:picMkLst>
        </pc:picChg>
        <pc:picChg chg="add del">
          <ac:chgData name="Jonathan Cerniaz" userId="S::jonathan.cerniaz01@student.csulb.edu::3b628a21-462a-4b55-bac2-0c5dbb20dd63" providerId="AD" clId="Web-{227DE5FA-E6E7-D6D0-BAD1-B2D7F416E6DB}" dt="2024-10-06T07:23:29.561" v="753"/>
          <ac:picMkLst>
            <pc:docMk/>
            <pc:sldMk cId="2241459136" sldId="279"/>
            <ac:picMk id="22" creationId="{B544F96A-F53A-0211-12F8-6314DB4575FA}"/>
          </ac:picMkLst>
        </pc:picChg>
        <pc:picChg chg="add">
          <ac:chgData name="Jonathan Cerniaz" userId="S::jonathan.cerniaz01@student.csulb.edu::3b628a21-462a-4b55-bac2-0c5dbb20dd63" providerId="AD" clId="Web-{227DE5FA-E6E7-D6D0-BAD1-B2D7F416E6DB}" dt="2024-10-06T07:23:57.577" v="762"/>
          <ac:picMkLst>
            <pc:docMk/>
            <pc:sldMk cId="2241459136" sldId="279"/>
            <ac:picMk id="26" creationId="{BE3668F6-C602-5140-2B26-430FE17ACF8A}"/>
          </ac:picMkLst>
        </pc:picChg>
        <pc:cxnChg chg="del mod">
          <ac:chgData name="Jonathan Cerniaz" userId="S::jonathan.cerniaz01@student.csulb.edu::3b628a21-462a-4b55-bac2-0c5dbb20dd63" providerId="AD" clId="Web-{227DE5FA-E6E7-D6D0-BAD1-B2D7F416E6DB}" dt="2024-10-06T07:09:56.116" v="669"/>
          <ac:cxnSpMkLst>
            <pc:docMk/>
            <pc:sldMk cId="2241459136" sldId="279"/>
            <ac:cxnSpMk id="21" creationId="{944268F6-A361-9907-F87F-9C4377ECAE6D}"/>
          </ac:cxnSpMkLst>
        </pc:cxnChg>
      </pc:sldChg>
      <pc:sldChg chg="addSp delSp modSp mod ord setBg modClrScheme chgLayout">
        <pc:chgData name="Jonathan Cerniaz" userId="S::jonathan.cerniaz01@student.csulb.edu::3b628a21-462a-4b55-bac2-0c5dbb20dd63" providerId="AD" clId="Web-{227DE5FA-E6E7-D6D0-BAD1-B2D7F416E6DB}" dt="2024-10-06T08:18:52.271" v="1182" actId="20577"/>
        <pc:sldMkLst>
          <pc:docMk/>
          <pc:sldMk cId="636929804" sldId="282"/>
        </pc:sldMkLst>
        <pc:spChg chg="mod ord">
          <ac:chgData name="Jonathan Cerniaz" userId="S::jonathan.cerniaz01@student.csulb.edu::3b628a21-462a-4b55-bac2-0c5dbb20dd63" providerId="AD" clId="Web-{227DE5FA-E6E7-D6D0-BAD1-B2D7F416E6DB}" dt="2024-10-06T08:18:52.271" v="1182" actId="20577"/>
          <ac:spMkLst>
            <pc:docMk/>
            <pc:sldMk cId="636929804" sldId="282"/>
            <ac:spMk id="2" creationId="{8B27D9B3-B64F-656A-0D99-161A6C0F518F}"/>
          </ac:spMkLst>
        </pc:spChg>
        <pc:spChg chg="del">
          <ac:chgData name="Jonathan Cerniaz" userId="S::jonathan.cerniaz01@student.csulb.edu::3b628a21-462a-4b55-bac2-0c5dbb20dd63" providerId="AD" clId="Web-{227DE5FA-E6E7-D6D0-BAD1-B2D7F416E6DB}" dt="2024-10-06T07:22:00.777" v="742"/>
          <ac:spMkLst>
            <pc:docMk/>
            <pc:sldMk cId="636929804" sldId="282"/>
            <ac:spMk id="4" creationId="{D512C08E-24D6-509F-C679-F5B1C4A01E52}"/>
          </ac:spMkLst>
        </pc:spChg>
        <pc:spChg chg="del mod ord">
          <ac:chgData name="Jonathan Cerniaz" userId="S::jonathan.cerniaz01@student.csulb.edu::3b628a21-462a-4b55-bac2-0c5dbb20dd63" providerId="AD" clId="Web-{227DE5FA-E6E7-D6D0-BAD1-B2D7F416E6DB}" dt="2024-10-06T07:25:35.080" v="781"/>
          <ac:spMkLst>
            <pc:docMk/>
            <pc:sldMk cId="636929804" sldId="282"/>
            <ac:spMk id="6" creationId="{FCACB936-DD2F-A2BD-A8B1-BC454ED9064A}"/>
          </ac:spMkLst>
        </pc:spChg>
        <pc:spChg chg="del mod ord">
          <ac:chgData name="Jonathan Cerniaz" userId="S::jonathan.cerniaz01@student.csulb.edu::3b628a21-462a-4b55-bac2-0c5dbb20dd63" providerId="AD" clId="Web-{227DE5FA-E6E7-D6D0-BAD1-B2D7F416E6DB}" dt="2024-10-06T07:25:25.564" v="776"/>
          <ac:spMkLst>
            <pc:docMk/>
            <pc:sldMk cId="636929804" sldId="282"/>
            <ac:spMk id="7" creationId="{70B7A920-4FC3-D703-B1E3-984DB7B5E66D}"/>
          </ac:spMkLst>
        </pc:spChg>
        <pc:spChg chg="del mod ord">
          <ac:chgData name="Jonathan Cerniaz" userId="S::jonathan.cerniaz01@student.csulb.edu::3b628a21-462a-4b55-bac2-0c5dbb20dd63" providerId="AD" clId="Web-{227DE5FA-E6E7-D6D0-BAD1-B2D7F416E6DB}" dt="2024-10-06T07:25:32.283" v="780"/>
          <ac:spMkLst>
            <pc:docMk/>
            <pc:sldMk cId="636929804" sldId="282"/>
            <ac:spMk id="8" creationId="{6F3A1E35-FBF8-4091-889C-D7B7655CCE1D}"/>
          </ac:spMkLst>
        </pc:spChg>
        <pc:spChg chg="del">
          <ac:chgData name="Jonathan Cerniaz" userId="S::jonathan.cerniaz01@student.csulb.edu::3b628a21-462a-4b55-bac2-0c5dbb20dd63" providerId="AD" clId="Web-{227DE5FA-E6E7-D6D0-BAD1-B2D7F416E6DB}" dt="2024-10-06T07:28:16.866" v="797"/>
          <ac:spMkLst>
            <pc:docMk/>
            <pc:sldMk cId="636929804" sldId="282"/>
            <ac:spMk id="9" creationId="{DA10E196-90D7-2BA3-30A3-014A0654FF84}"/>
          </ac:spMkLst>
        </pc:spChg>
        <pc:spChg chg="add mod">
          <ac:chgData name="Jonathan Cerniaz" userId="S::jonathan.cerniaz01@student.csulb.edu::3b628a21-462a-4b55-bac2-0c5dbb20dd63" providerId="AD" clId="Web-{227DE5FA-E6E7-D6D0-BAD1-B2D7F416E6DB}" dt="2024-10-06T07:22:15.496" v="745"/>
          <ac:spMkLst>
            <pc:docMk/>
            <pc:sldMk cId="636929804" sldId="282"/>
            <ac:spMk id="10" creationId="{4B50B70D-0D05-A3B2-6D87-6186520A1B93}"/>
          </ac:spMkLst>
        </pc:spChg>
        <pc:spChg chg="del">
          <ac:chgData name="Jonathan Cerniaz" userId="S::jonathan.cerniaz01@student.csulb.edu::3b628a21-462a-4b55-bac2-0c5dbb20dd63" providerId="AD" clId="Web-{227DE5FA-E6E7-D6D0-BAD1-B2D7F416E6DB}" dt="2024-10-06T07:48:28.511" v="1085"/>
          <ac:spMkLst>
            <pc:docMk/>
            <pc:sldMk cId="636929804" sldId="282"/>
            <ac:spMk id="13" creationId="{E9F47687-683A-2252-16E1-AF033F783137}"/>
          </ac:spMkLst>
        </pc:spChg>
        <pc:spChg chg="del">
          <ac:chgData name="Jonathan Cerniaz" userId="S::jonathan.cerniaz01@student.csulb.edu::3b628a21-462a-4b55-bac2-0c5dbb20dd63" providerId="AD" clId="Web-{227DE5FA-E6E7-D6D0-BAD1-B2D7F416E6DB}" dt="2024-10-06T07:48:31.886" v="1086"/>
          <ac:spMkLst>
            <pc:docMk/>
            <pc:sldMk cId="636929804" sldId="282"/>
            <ac:spMk id="14" creationId="{1ACCEF8C-0DBD-F103-E662-36CDF6489068}"/>
          </ac:spMkLst>
        </pc:spChg>
        <pc:spChg chg="del">
          <ac:chgData name="Jonathan Cerniaz" userId="S::jonathan.cerniaz01@student.csulb.edu::3b628a21-462a-4b55-bac2-0c5dbb20dd63" providerId="AD" clId="Web-{227DE5FA-E6E7-D6D0-BAD1-B2D7F416E6DB}" dt="2024-10-06T07:48:26.339" v="1084"/>
          <ac:spMkLst>
            <pc:docMk/>
            <pc:sldMk cId="636929804" sldId="282"/>
            <ac:spMk id="15" creationId="{9569EEDB-26A7-3135-362B-EC7CE37F323C}"/>
          </ac:spMkLst>
        </pc:spChg>
        <pc:spChg chg="del">
          <ac:chgData name="Jonathan Cerniaz" userId="S::jonathan.cerniaz01@student.csulb.edu::3b628a21-462a-4b55-bac2-0c5dbb20dd63" providerId="AD" clId="Web-{227DE5FA-E6E7-D6D0-BAD1-B2D7F416E6DB}" dt="2024-10-06T07:22:00.761" v="740"/>
          <ac:spMkLst>
            <pc:docMk/>
            <pc:sldMk cId="636929804" sldId="282"/>
            <ac:spMk id="18" creationId="{E2D1311F-F724-8963-6CC6-007F4038D51F}"/>
          </ac:spMkLst>
        </pc:spChg>
        <pc:picChg chg="add">
          <ac:chgData name="Jonathan Cerniaz" userId="S::jonathan.cerniaz01@student.csulb.edu::3b628a21-462a-4b55-bac2-0c5dbb20dd63" providerId="AD" clId="Web-{227DE5FA-E6E7-D6D0-BAD1-B2D7F416E6DB}" dt="2024-10-06T07:22:04.215" v="743"/>
          <ac:picMkLst>
            <pc:docMk/>
            <pc:sldMk cId="636929804" sldId="282"/>
            <ac:picMk id="5" creationId="{EACAF575-944A-AE03-CAAB-BE7AE8457F39}"/>
          </ac:picMkLst>
        </pc:picChg>
        <pc:picChg chg="del">
          <ac:chgData name="Jonathan Cerniaz" userId="S::jonathan.cerniaz01@student.csulb.edu::3b628a21-462a-4b55-bac2-0c5dbb20dd63" providerId="AD" clId="Web-{227DE5FA-E6E7-D6D0-BAD1-B2D7F416E6DB}" dt="2024-10-06T07:22:00.777" v="741"/>
          <ac:picMkLst>
            <pc:docMk/>
            <pc:sldMk cId="636929804" sldId="282"/>
            <ac:picMk id="12" creationId="{38A433E5-CC15-A4DA-FE49-3223E165DCB6}"/>
          </ac:picMkLst>
        </pc:picChg>
        <pc:picChg chg="mod ord modCrop">
          <ac:chgData name="Jonathan Cerniaz" userId="S::jonathan.cerniaz01@student.csulb.edu::3b628a21-462a-4b55-bac2-0c5dbb20dd63" providerId="AD" clId="Web-{227DE5FA-E6E7-D6D0-BAD1-B2D7F416E6DB}" dt="2024-10-06T07:49:22.506" v="1100" actId="1076"/>
          <ac:picMkLst>
            <pc:docMk/>
            <pc:sldMk cId="636929804" sldId="282"/>
            <ac:picMk id="21" creationId="{AF969822-7844-15E6-A41C-6F3FFC0C555F}"/>
          </ac:picMkLst>
        </pc:picChg>
      </pc:sldChg>
      <pc:sldChg chg="addSp delSp modSp mod ord modClrScheme chgLayout">
        <pc:chgData name="Jonathan Cerniaz" userId="S::jonathan.cerniaz01@student.csulb.edu::3b628a21-462a-4b55-bac2-0c5dbb20dd63" providerId="AD" clId="Web-{227DE5FA-E6E7-D6D0-BAD1-B2D7F416E6DB}" dt="2024-10-06T07:32:06.359" v="963"/>
        <pc:sldMkLst>
          <pc:docMk/>
          <pc:sldMk cId="1658164610" sldId="283"/>
        </pc:sldMkLst>
        <pc:spChg chg="add del mod ord">
          <ac:chgData name="Jonathan Cerniaz" userId="S::jonathan.cerniaz01@student.csulb.edu::3b628a21-462a-4b55-bac2-0c5dbb20dd63" providerId="AD" clId="Web-{227DE5FA-E6E7-D6D0-BAD1-B2D7F416E6DB}" dt="2024-10-06T07:20:45.166" v="725"/>
          <ac:spMkLst>
            <pc:docMk/>
            <pc:sldMk cId="1658164610" sldId="283"/>
            <ac:spMk id="2" creationId="{AA25ED15-1FE3-44F1-0627-8D2EECDA7E32}"/>
          </ac:spMkLst>
        </pc:spChg>
        <pc:spChg chg="del mod ord">
          <ac:chgData name="Jonathan Cerniaz" userId="S::jonathan.cerniaz01@student.csulb.edu::3b628a21-462a-4b55-bac2-0c5dbb20dd63" providerId="AD" clId="Web-{227DE5FA-E6E7-D6D0-BAD1-B2D7F416E6DB}" dt="2024-10-06T07:30:41.029" v="842"/>
          <ac:spMkLst>
            <pc:docMk/>
            <pc:sldMk cId="1658164610" sldId="283"/>
            <ac:spMk id="3" creationId="{4321055C-5E33-5D21-2A6E-21827FA88ED3}"/>
          </ac:spMkLst>
        </pc:spChg>
        <pc:spChg chg="del">
          <ac:chgData name="Jonathan Cerniaz" userId="S::jonathan.cerniaz01@student.csulb.edu::3b628a21-462a-4b55-bac2-0c5dbb20dd63" providerId="AD" clId="Web-{227DE5FA-E6E7-D6D0-BAD1-B2D7F416E6DB}" dt="2024-10-06T07:17:08.019" v="716"/>
          <ac:spMkLst>
            <pc:docMk/>
            <pc:sldMk cId="1658164610" sldId="283"/>
            <ac:spMk id="4" creationId="{DB1DFFE4-A86E-E322-945E-D8CE77A81B94}"/>
          </ac:spMkLst>
        </pc:spChg>
        <pc:spChg chg="add del">
          <ac:chgData name="Jonathan Cerniaz" userId="S::jonathan.cerniaz01@student.csulb.edu::3b628a21-462a-4b55-bac2-0c5dbb20dd63" providerId="AD" clId="Web-{227DE5FA-E6E7-D6D0-BAD1-B2D7F416E6DB}" dt="2024-10-06T07:24:16.593" v="770"/>
          <ac:spMkLst>
            <pc:docMk/>
            <pc:sldMk cId="1658164610" sldId="283"/>
            <ac:spMk id="8" creationId="{EA6DFB4F-AB4F-2C97-1CA6-4AB66A15291A}"/>
          </ac:spMkLst>
        </pc:spChg>
        <pc:spChg chg="add">
          <ac:chgData name="Jonathan Cerniaz" userId="S::jonathan.cerniaz01@student.csulb.edu::3b628a21-462a-4b55-bac2-0c5dbb20dd63" providerId="AD" clId="Web-{227DE5FA-E6E7-D6D0-BAD1-B2D7F416E6DB}" dt="2024-10-06T07:24:20.031" v="773"/>
          <ac:spMkLst>
            <pc:docMk/>
            <pc:sldMk cId="1658164610" sldId="283"/>
            <ac:spMk id="12" creationId="{AEA155E0-DF4B-2280-AF7E-EB28BD3851E6}"/>
          </ac:spMkLst>
        </pc:spChg>
        <pc:spChg chg="add del mod ord">
          <ac:chgData name="Jonathan Cerniaz" userId="S::jonathan.cerniaz01@student.csulb.edu::3b628a21-462a-4b55-bac2-0c5dbb20dd63" providerId="AD" clId="Web-{227DE5FA-E6E7-D6D0-BAD1-B2D7F416E6DB}" dt="2024-10-06T07:29:33.730" v="805"/>
          <ac:spMkLst>
            <pc:docMk/>
            <pc:sldMk cId="1658164610" sldId="283"/>
            <ac:spMk id="13" creationId="{06D14B47-4AED-9518-9162-257991CAB35B}"/>
          </ac:spMkLst>
        </pc:spChg>
        <pc:spChg chg="add del mod ord">
          <ac:chgData name="Jonathan Cerniaz" userId="S::jonathan.cerniaz01@student.csulb.edu::3b628a21-462a-4b55-bac2-0c5dbb20dd63" providerId="AD" clId="Web-{227DE5FA-E6E7-D6D0-BAD1-B2D7F416E6DB}" dt="2024-10-06T07:29:27.415" v="803"/>
          <ac:spMkLst>
            <pc:docMk/>
            <pc:sldMk cId="1658164610" sldId="283"/>
            <ac:spMk id="14" creationId="{EEF62303-077F-3590-2DE8-A0B8D798D6AF}"/>
          </ac:spMkLst>
        </pc:spChg>
        <pc:spChg chg="add del mod ord">
          <ac:chgData name="Jonathan Cerniaz" userId="S::jonathan.cerniaz01@student.csulb.edu::3b628a21-462a-4b55-bac2-0c5dbb20dd63" providerId="AD" clId="Web-{227DE5FA-E6E7-D6D0-BAD1-B2D7F416E6DB}" dt="2024-10-06T07:29:31.480" v="804"/>
          <ac:spMkLst>
            <pc:docMk/>
            <pc:sldMk cId="1658164610" sldId="283"/>
            <ac:spMk id="15" creationId="{A42B4826-8DD3-B578-5DBF-AD088EAD5DC4}"/>
          </ac:spMkLst>
        </pc:spChg>
        <pc:spChg chg="add del mod">
          <ac:chgData name="Jonathan Cerniaz" userId="S::jonathan.cerniaz01@student.csulb.edu::3b628a21-462a-4b55-bac2-0c5dbb20dd63" providerId="AD" clId="Web-{227DE5FA-E6E7-D6D0-BAD1-B2D7F416E6DB}" dt="2024-10-06T07:30:45.091" v="843"/>
          <ac:spMkLst>
            <pc:docMk/>
            <pc:sldMk cId="1658164610" sldId="283"/>
            <ac:spMk id="17" creationId="{FB34E737-4D22-49B9-1650-25F2671F50AF}"/>
          </ac:spMkLst>
        </pc:spChg>
        <pc:spChg chg="add mod">
          <ac:chgData name="Jonathan Cerniaz" userId="S::jonathan.cerniaz01@student.csulb.edu::3b628a21-462a-4b55-bac2-0c5dbb20dd63" providerId="AD" clId="Web-{227DE5FA-E6E7-D6D0-BAD1-B2D7F416E6DB}" dt="2024-10-06T07:31:01.951" v="861" actId="20577"/>
          <ac:spMkLst>
            <pc:docMk/>
            <pc:sldMk cId="1658164610" sldId="283"/>
            <ac:spMk id="18" creationId="{6A5E14B1-A888-EBB1-4D12-1519B4E07066}"/>
          </ac:spMkLst>
        </pc:spChg>
        <pc:spChg chg="add mod">
          <ac:chgData name="Jonathan Cerniaz" userId="S::jonathan.cerniaz01@student.csulb.edu::3b628a21-462a-4b55-bac2-0c5dbb20dd63" providerId="AD" clId="Web-{227DE5FA-E6E7-D6D0-BAD1-B2D7F416E6DB}" dt="2024-10-06T07:31:57.890" v="961" actId="20577"/>
          <ac:spMkLst>
            <pc:docMk/>
            <pc:sldMk cId="1658164610" sldId="283"/>
            <ac:spMk id="19" creationId="{EE27112D-BE1F-79D2-383F-6D99B8AA9AD5}"/>
          </ac:spMkLst>
        </pc:spChg>
        <pc:spChg chg="add del mod">
          <ac:chgData name="Jonathan Cerniaz" userId="S::jonathan.cerniaz01@student.csulb.edu::3b628a21-462a-4b55-bac2-0c5dbb20dd63" providerId="AD" clId="Web-{227DE5FA-E6E7-D6D0-BAD1-B2D7F416E6DB}" dt="2024-10-06T07:32:06.359" v="963"/>
          <ac:spMkLst>
            <pc:docMk/>
            <pc:sldMk cId="1658164610" sldId="283"/>
            <ac:spMk id="21" creationId="{3A1030C9-327B-8048-1AE0-41E8B5BD266D}"/>
          </ac:spMkLst>
        </pc:spChg>
        <pc:spChg chg="del mod ord">
          <ac:chgData name="Jonathan Cerniaz" userId="S::jonathan.cerniaz01@student.csulb.edu::3b628a21-462a-4b55-bac2-0c5dbb20dd63" providerId="AD" clId="Web-{227DE5FA-E6E7-D6D0-BAD1-B2D7F416E6DB}" dt="2024-10-06T07:32:03.953" v="962"/>
          <ac:spMkLst>
            <pc:docMk/>
            <pc:sldMk cId="1658164610" sldId="283"/>
            <ac:spMk id="32" creationId="{B4C73033-1B30-D909-C8B4-A9049229C6CA}"/>
          </ac:spMkLst>
        </pc:spChg>
        <pc:spChg chg="del">
          <ac:chgData name="Jonathan Cerniaz" userId="S::jonathan.cerniaz01@student.csulb.edu::3b628a21-462a-4b55-bac2-0c5dbb20dd63" providerId="AD" clId="Web-{227DE5FA-E6E7-D6D0-BAD1-B2D7F416E6DB}" dt="2024-10-06T07:21:10.119" v="730"/>
          <ac:spMkLst>
            <pc:docMk/>
            <pc:sldMk cId="1658164610" sldId="283"/>
            <ac:spMk id="36" creationId="{C0330DE9-AFFD-1835-5342-3BE6C1ECE47F}"/>
          </ac:spMkLst>
        </pc:spChg>
        <pc:picChg chg="add del">
          <ac:chgData name="Jonathan Cerniaz" userId="S::jonathan.cerniaz01@student.csulb.edu::3b628a21-462a-4b55-bac2-0c5dbb20dd63" providerId="AD" clId="Web-{227DE5FA-E6E7-D6D0-BAD1-B2D7F416E6DB}" dt="2024-10-06T07:24:16.593" v="771"/>
          <ac:picMkLst>
            <pc:docMk/>
            <pc:sldMk cId="1658164610" sldId="283"/>
            <ac:picMk id="6" creationId="{D4BB889D-7933-2A34-960C-6C085B8AD4E1}"/>
          </ac:picMkLst>
        </pc:picChg>
        <pc:picChg chg="add">
          <ac:chgData name="Jonathan Cerniaz" userId="S::jonathan.cerniaz01@student.csulb.edu::3b628a21-462a-4b55-bac2-0c5dbb20dd63" providerId="AD" clId="Web-{227DE5FA-E6E7-D6D0-BAD1-B2D7F416E6DB}" dt="2024-10-06T07:24:20.031" v="772"/>
          <ac:picMkLst>
            <pc:docMk/>
            <pc:sldMk cId="1658164610" sldId="283"/>
            <ac:picMk id="10" creationId="{B9ED2FCA-390A-4BBC-31FB-EB7B45836722}"/>
          </ac:picMkLst>
        </pc:picChg>
        <pc:picChg chg="del">
          <ac:chgData name="Jonathan Cerniaz" userId="S::jonathan.cerniaz01@student.csulb.edu::3b628a21-462a-4b55-bac2-0c5dbb20dd63" providerId="AD" clId="Web-{227DE5FA-E6E7-D6D0-BAD1-B2D7F416E6DB}" dt="2024-10-06T07:21:10.119" v="731"/>
          <ac:picMkLst>
            <pc:docMk/>
            <pc:sldMk cId="1658164610" sldId="283"/>
            <ac:picMk id="34" creationId="{57354BC2-4373-18B3-F66F-B2816986A6C0}"/>
          </ac:picMkLst>
        </pc:picChg>
      </pc:sldChg>
      <pc:sldChg chg="delSp modSp ord">
        <pc:chgData name="Jonathan Cerniaz" userId="S::jonathan.cerniaz01@student.csulb.edu::3b628a21-462a-4b55-bac2-0c5dbb20dd63" providerId="AD" clId="Web-{227DE5FA-E6E7-D6D0-BAD1-B2D7F416E6DB}" dt="2024-10-06T08:13:05.288" v="1172" actId="20577"/>
        <pc:sldMkLst>
          <pc:docMk/>
          <pc:sldMk cId="2791821786" sldId="285"/>
        </pc:sldMkLst>
        <pc:spChg chg="mod">
          <ac:chgData name="Jonathan Cerniaz" userId="S::jonathan.cerniaz01@student.csulb.edu::3b628a21-462a-4b55-bac2-0c5dbb20dd63" providerId="AD" clId="Web-{227DE5FA-E6E7-D6D0-BAD1-B2D7F416E6DB}" dt="2024-10-06T07:47:25.666" v="1081" actId="20577"/>
          <ac:spMkLst>
            <pc:docMk/>
            <pc:sldMk cId="2791821786" sldId="285"/>
            <ac:spMk id="2" creationId="{A8763BF2-10D3-015B-A424-0482961378DF}"/>
          </ac:spMkLst>
        </pc:spChg>
        <pc:spChg chg="del mod">
          <ac:chgData name="Jonathan Cerniaz" userId="S::jonathan.cerniaz01@student.csulb.edu::3b628a21-462a-4b55-bac2-0c5dbb20dd63" providerId="AD" clId="Web-{227DE5FA-E6E7-D6D0-BAD1-B2D7F416E6DB}" dt="2024-10-06T07:47:13.743" v="1080"/>
          <ac:spMkLst>
            <pc:docMk/>
            <pc:sldMk cId="2791821786" sldId="285"/>
            <ac:spMk id="3" creationId="{4A52F19F-778C-4E1A-FBE7-B34E0883C868}"/>
          </ac:spMkLst>
        </pc:spChg>
        <pc:spChg chg="mod">
          <ac:chgData name="Jonathan Cerniaz" userId="S::jonathan.cerniaz01@student.csulb.edu::3b628a21-462a-4b55-bac2-0c5dbb20dd63" providerId="AD" clId="Web-{227DE5FA-E6E7-D6D0-BAD1-B2D7F416E6DB}" dt="2024-10-06T08:13:05.288" v="1172" actId="20577"/>
          <ac:spMkLst>
            <pc:docMk/>
            <pc:sldMk cId="2791821786" sldId="285"/>
            <ac:spMk id="8" creationId="{3E5FEE2D-79E5-4C1D-8BF7-EE619CA7039A}"/>
          </ac:spMkLst>
        </pc:spChg>
      </pc:sldChg>
      <pc:sldChg chg="addSp delSp modSp mod modClrScheme chgLayout">
        <pc:chgData name="Jonathan Cerniaz" userId="S::jonathan.cerniaz01@student.csulb.edu::3b628a21-462a-4b55-bac2-0c5dbb20dd63" providerId="AD" clId="Web-{227DE5FA-E6E7-D6D0-BAD1-B2D7F416E6DB}" dt="2024-10-06T08:13:09.632" v="1173" actId="20577"/>
        <pc:sldMkLst>
          <pc:docMk/>
          <pc:sldMk cId="2898855606" sldId="287"/>
        </pc:sldMkLst>
        <pc:spChg chg="mod ord">
          <ac:chgData name="Jonathan Cerniaz" userId="S::jonathan.cerniaz01@student.csulb.edu::3b628a21-462a-4b55-bac2-0c5dbb20dd63" providerId="AD" clId="Web-{227DE5FA-E6E7-D6D0-BAD1-B2D7F416E6DB}" dt="2024-10-06T08:13:09.632" v="1173" actId="20577"/>
          <ac:spMkLst>
            <pc:docMk/>
            <pc:sldMk cId="2898855606" sldId="287"/>
            <ac:spMk id="2" creationId="{A95E2E6A-35EC-1B8E-0FD7-8C67870ACA64}"/>
          </ac:spMkLst>
        </pc:spChg>
        <pc:spChg chg="add del mod ord">
          <ac:chgData name="Jonathan Cerniaz" userId="S::jonathan.cerniaz01@student.csulb.edu::3b628a21-462a-4b55-bac2-0c5dbb20dd63" providerId="AD" clId="Web-{227DE5FA-E6E7-D6D0-BAD1-B2D7F416E6DB}" dt="2024-10-06T07:10:31.492" v="672"/>
          <ac:spMkLst>
            <pc:docMk/>
            <pc:sldMk cId="2898855606" sldId="287"/>
            <ac:spMk id="3" creationId="{09BC5D0B-5263-AF69-2ACC-0D0B3D3BBC95}"/>
          </ac:spMkLst>
        </pc:spChg>
        <pc:spChg chg="add">
          <ac:chgData name="Jonathan Cerniaz" userId="S::jonathan.cerniaz01@student.csulb.edu::3b628a21-462a-4b55-bac2-0c5dbb20dd63" providerId="AD" clId="Web-{227DE5FA-E6E7-D6D0-BAD1-B2D7F416E6DB}" dt="2024-10-06T07:12:27.589" v="699"/>
          <ac:spMkLst>
            <pc:docMk/>
            <pc:sldMk cId="2898855606" sldId="287"/>
            <ac:spMk id="8" creationId="{393D7D32-E092-F449-62E3-0710ACDF5684}"/>
          </ac:spMkLst>
        </pc:spChg>
        <pc:spChg chg="del mod">
          <ac:chgData name="Jonathan Cerniaz" userId="S::jonathan.cerniaz01@student.csulb.edu::3b628a21-462a-4b55-bac2-0c5dbb20dd63" providerId="AD" clId="Web-{227DE5FA-E6E7-D6D0-BAD1-B2D7F416E6DB}" dt="2024-10-06T07:11:53.229" v="694"/>
          <ac:spMkLst>
            <pc:docMk/>
            <pc:sldMk cId="2898855606" sldId="287"/>
            <ac:spMk id="9" creationId="{FBDADFA9-3298-E3A6-A536-643C842DAAC3}"/>
          </ac:spMkLst>
        </pc:spChg>
        <pc:spChg chg="add del mod ord">
          <ac:chgData name="Jonathan Cerniaz" userId="S::jonathan.cerniaz01@student.csulb.edu::3b628a21-462a-4b55-bac2-0c5dbb20dd63" providerId="AD" clId="Web-{227DE5FA-E6E7-D6D0-BAD1-B2D7F416E6DB}" dt="2024-10-06T07:41:35.985" v="1061"/>
          <ac:spMkLst>
            <pc:docMk/>
            <pc:sldMk cId="2898855606" sldId="287"/>
            <ac:spMk id="10" creationId="{E9B781F1-13ED-BAC4-FAB8-A2987EB33299}"/>
          </ac:spMkLst>
        </pc:spChg>
        <pc:spChg chg="mod ord">
          <ac:chgData name="Jonathan Cerniaz" userId="S::jonathan.cerniaz01@student.csulb.edu::3b628a21-462a-4b55-bac2-0c5dbb20dd63" providerId="AD" clId="Web-{227DE5FA-E6E7-D6D0-BAD1-B2D7F416E6DB}" dt="2024-10-06T07:41:43.423" v="1068" actId="1076"/>
          <ac:spMkLst>
            <pc:docMk/>
            <pc:sldMk cId="2898855606" sldId="287"/>
            <ac:spMk id="12" creationId="{554B61B9-26F6-B304-92CD-03053DAAF2A8}"/>
          </ac:spMkLst>
        </pc:spChg>
        <pc:spChg chg="mod ord">
          <ac:chgData name="Jonathan Cerniaz" userId="S::jonathan.cerniaz01@student.csulb.edu::3b628a21-462a-4b55-bac2-0c5dbb20dd63" providerId="AD" clId="Web-{227DE5FA-E6E7-D6D0-BAD1-B2D7F416E6DB}" dt="2024-10-06T07:41:43.423" v="1069" actId="1076"/>
          <ac:spMkLst>
            <pc:docMk/>
            <pc:sldMk cId="2898855606" sldId="287"/>
            <ac:spMk id="14" creationId="{CB9F9E8B-42CD-AC26-AFC9-F1F66695693B}"/>
          </ac:spMkLst>
        </pc:spChg>
        <pc:spChg chg="mod ord">
          <ac:chgData name="Jonathan Cerniaz" userId="S::jonathan.cerniaz01@student.csulb.edu::3b628a21-462a-4b55-bac2-0c5dbb20dd63" providerId="AD" clId="Web-{227DE5FA-E6E7-D6D0-BAD1-B2D7F416E6DB}" dt="2024-10-06T07:41:43.407" v="1067" actId="1076"/>
          <ac:spMkLst>
            <pc:docMk/>
            <pc:sldMk cId="2898855606" sldId="287"/>
            <ac:spMk id="35" creationId="{EDBE6233-75E9-40D1-968F-58CA9AD0FF50}"/>
          </ac:spMkLst>
        </pc:spChg>
        <pc:spChg chg="del mod ord">
          <ac:chgData name="Jonathan Cerniaz" userId="S::jonathan.cerniaz01@student.csulb.edu::3b628a21-462a-4b55-bac2-0c5dbb20dd63" providerId="AD" clId="Web-{227DE5FA-E6E7-D6D0-BAD1-B2D7F416E6DB}" dt="2024-10-06T07:10:29.664" v="671"/>
          <ac:spMkLst>
            <pc:docMk/>
            <pc:sldMk cId="2898855606" sldId="287"/>
            <ac:spMk id="50" creationId="{8F6B2AE9-DDE4-FD99-A235-3B39EEE21481}"/>
          </ac:spMkLst>
        </pc:spChg>
        <pc:picChg chg="add">
          <ac:chgData name="Jonathan Cerniaz" userId="S::jonathan.cerniaz01@student.csulb.edu::3b628a21-462a-4b55-bac2-0c5dbb20dd63" providerId="AD" clId="Web-{227DE5FA-E6E7-D6D0-BAD1-B2D7F416E6DB}" dt="2024-10-06T07:12:27.573" v="698"/>
          <ac:picMkLst>
            <pc:docMk/>
            <pc:sldMk cId="2898855606" sldId="287"/>
            <ac:picMk id="5" creationId="{516B3F46-21BF-0455-C77F-C7D08D767B48}"/>
          </ac:picMkLst>
        </pc:picChg>
        <pc:picChg chg="del mod">
          <ac:chgData name="Jonathan Cerniaz" userId="S::jonathan.cerniaz01@student.csulb.edu::3b628a21-462a-4b55-bac2-0c5dbb20dd63" providerId="AD" clId="Web-{227DE5FA-E6E7-D6D0-BAD1-B2D7F416E6DB}" dt="2024-10-06T07:11:50.447" v="692"/>
          <ac:picMkLst>
            <pc:docMk/>
            <pc:sldMk cId="2898855606" sldId="287"/>
            <ac:picMk id="6" creationId="{3BB78F1A-71E3-3FD4-E065-7ABF07D956B4}"/>
          </ac:picMkLst>
        </pc:picChg>
      </pc:sldChg>
      <pc:sldChg chg="addSp delSp modSp mod ord modClrScheme chgLayout">
        <pc:chgData name="Jonathan Cerniaz" userId="S::jonathan.cerniaz01@student.csulb.edu::3b628a21-462a-4b55-bac2-0c5dbb20dd63" providerId="AD" clId="Web-{227DE5FA-E6E7-D6D0-BAD1-B2D7F416E6DB}" dt="2024-10-06T08:13:00.038" v="1171" actId="20577"/>
        <pc:sldMkLst>
          <pc:docMk/>
          <pc:sldMk cId="1056707939" sldId="288"/>
        </pc:sldMkLst>
        <pc:spChg chg="mod ord">
          <ac:chgData name="Jonathan Cerniaz" userId="S::jonathan.cerniaz01@student.csulb.edu::3b628a21-462a-4b55-bac2-0c5dbb20dd63" providerId="AD" clId="Web-{227DE5FA-E6E7-D6D0-BAD1-B2D7F416E6DB}" dt="2024-10-06T08:13:00.038" v="1171" actId="20577"/>
          <ac:spMkLst>
            <pc:docMk/>
            <pc:sldMk cId="1056707939" sldId="288"/>
            <ac:spMk id="2" creationId="{09F14C2F-3713-35FF-E9B1-120991B24374}"/>
          </ac:spMkLst>
        </pc:spChg>
        <pc:spChg chg="mod">
          <ac:chgData name="Jonathan Cerniaz" userId="S::jonathan.cerniaz01@student.csulb.edu::3b628a21-462a-4b55-bac2-0c5dbb20dd63" providerId="AD" clId="Web-{227DE5FA-E6E7-D6D0-BAD1-B2D7F416E6DB}" dt="2024-10-06T07:46:54.196" v="1078" actId="20577"/>
          <ac:spMkLst>
            <pc:docMk/>
            <pc:sldMk cId="1056707939" sldId="288"/>
            <ac:spMk id="3" creationId="{B75EAB48-EB0F-5D56-211F-555FFEEDBA4E}"/>
          </ac:spMkLst>
        </pc:spChg>
        <pc:spChg chg="add del mod ord">
          <ac:chgData name="Jonathan Cerniaz" userId="S::jonathan.cerniaz01@student.csulb.edu::3b628a21-462a-4b55-bac2-0c5dbb20dd63" providerId="AD" clId="Web-{227DE5FA-E6E7-D6D0-BAD1-B2D7F416E6DB}" dt="2024-10-06T07:43:31.176" v="1075"/>
          <ac:spMkLst>
            <pc:docMk/>
            <pc:sldMk cId="1056707939" sldId="288"/>
            <ac:spMk id="4" creationId="{2A1FD007-389C-C61D-9E55-12665B5565FC}"/>
          </ac:spMkLst>
        </pc:spChg>
      </pc:sldChg>
      <pc:sldChg chg="addSp delSp modSp del mod modClrScheme chgLayout">
        <pc:chgData name="Jonathan Cerniaz" userId="S::jonathan.cerniaz01@student.csulb.edu::3b628a21-462a-4b55-bac2-0c5dbb20dd63" providerId="AD" clId="Web-{227DE5FA-E6E7-D6D0-BAD1-B2D7F416E6DB}" dt="2024-10-06T07:08:50.067" v="661"/>
        <pc:sldMkLst>
          <pc:docMk/>
          <pc:sldMk cId="212836177" sldId="289"/>
        </pc:sldMkLst>
        <pc:spChg chg="mod">
          <ac:chgData name="Jonathan Cerniaz" userId="S::jonathan.cerniaz01@student.csulb.edu::3b628a21-462a-4b55-bac2-0c5dbb20dd63" providerId="AD" clId="Web-{227DE5FA-E6E7-D6D0-BAD1-B2D7F416E6DB}" dt="2024-10-06T06:51:03.181" v="148" actId="1076"/>
          <ac:spMkLst>
            <pc:docMk/>
            <pc:sldMk cId="212836177" sldId="289"/>
            <ac:spMk id="2" creationId="{8CA77018-AC3A-AD56-6AB7-2A19F52F017D}"/>
          </ac:spMkLst>
        </pc:spChg>
        <pc:spChg chg="mod">
          <ac:chgData name="Jonathan Cerniaz" userId="S::jonathan.cerniaz01@student.csulb.edu::3b628a21-462a-4b55-bac2-0c5dbb20dd63" providerId="AD" clId="Web-{227DE5FA-E6E7-D6D0-BAD1-B2D7F416E6DB}" dt="2024-10-06T06:51:03.181" v="159" actId="1076"/>
          <ac:spMkLst>
            <pc:docMk/>
            <pc:sldMk cId="212836177" sldId="289"/>
            <ac:spMk id="3" creationId="{D74BC406-1584-A7F7-A390-93AAD90F20F3}"/>
          </ac:spMkLst>
        </pc:spChg>
        <pc:spChg chg="mod">
          <ac:chgData name="Jonathan Cerniaz" userId="S::jonathan.cerniaz01@student.csulb.edu::3b628a21-462a-4b55-bac2-0c5dbb20dd63" providerId="AD" clId="Web-{227DE5FA-E6E7-D6D0-BAD1-B2D7F416E6DB}" dt="2024-10-06T06:51:03.181" v="152" actId="1076"/>
          <ac:spMkLst>
            <pc:docMk/>
            <pc:sldMk cId="212836177" sldId="289"/>
            <ac:spMk id="10" creationId="{A7CDD1D2-9D04-3C93-0F81-BAABDCCCD453}"/>
          </ac:spMkLst>
        </pc:spChg>
        <pc:spChg chg="mod">
          <ac:chgData name="Jonathan Cerniaz" userId="S::jonathan.cerniaz01@student.csulb.edu::3b628a21-462a-4b55-bac2-0c5dbb20dd63" providerId="AD" clId="Web-{227DE5FA-E6E7-D6D0-BAD1-B2D7F416E6DB}" dt="2024-10-06T06:51:03.181" v="151" actId="1076"/>
          <ac:spMkLst>
            <pc:docMk/>
            <pc:sldMk cId="212836177" sldId="289"/>
            <ac:spMk id="11" creationId="{B806B5B0-7B49-BF43-5F73-8A8EBEBA4FC2}"/>
          </ac:spMkLst>
        </pc:spChg>
        <pc:spChg chg="add del mod ord">
          <ac:chgData name="Jonathan Cerniaz" userId="S::jonathan.cerniaz01@student.csulb.edu::3b628a21-462a-4b55-bac2-0c5dbb20dd63" providerId="AD" clId="Web-{227DE5FA-E6E7-D6D0-BAD1-B2D7F416E6DB}" dt="2024-10-06T06:49:55.413" v="132"/>
          <ac:spMkLst>
            <pc:docMk/>
            <pc:sldMk cId="212836177" sldId="289"/>
            <ac:spMk id="12" creationId="{8A399EBE-30DD-8BBE-4D65-AAFC83E21ADD}"/>
          </ac:spMkLst>
        </pc:spChg>
        <pc:spChg chg="add del mod ord">
          <ac:chgData name="Jonathan Cerniaz" userId="S::jonathan.cerniaz01@student.csulb.edu::3b628a21-462a-4b55-bac2-0c5dbb20dd63" providerId="AD" clId="Web-{227DE5FA-E6E7-D6D0-BAD1-B2D7F416E6DB}" dt="2024-10-06T06:51:14.400" v="161"/>
          <ac:spMkLst>
            <pc:docMk/>
            <pc:sldMk cId="212836177" sldId="289"/>
            <ac:spMk id="13" creationId="{5C58DFB2-8387-4331-C563-859E35E1548E}"/>
          </ac:spMkLst>
        </pc:spChg>
        <pc:spChg chg="mod">
          <ac:chgData name="Jonathan Cerniaz" userId="S::jonathan.cerniaz01@student.csulb.edu::3b628a21-462a-4b55-bac2-0c5dbb20dd63" providerId="AD" clId="Web-{227DE5FA-E6E7-D6D0-BAD1-B2D7F416E6DB}" dt="2024-10-06T06:51:03.181" v="150" actId="1076"/>
          <ac:spMkLst>
            <pc:docMk/>
            <pc:sldMk cId="212836177" sldId="289"/>
            <ac:spMk id="14" creationId="{A5DA1B6D-9A93-A065-D7C5-3E82D790824A}"/>
          </ac:spMkLst>
        </pc:spChg>
        <pc:spChg chg="mod">
          <ac:chgData name="Jonathan Cerniaz" userId="S::jonathan.cerniaz01@student.csulb.edu::3b628a21-462a-4b55-bac2-0c5dbb20dd63" providerId="AD" clId="Web-{227DE5FA-E6E7-D6D0-BAD1-B2D7F416E6DB}" dt="2024-10-06T06:51:03.181" v="149" actId="1076"/>
          <ac:spMkLst>
            <pc:docMk/>
            <pc:sldMk cId="212836177" sldId="289"/>
            <ac:spMk id="15" creationId="{D2585015-F5E1-EA4B-9631-4DBDE810EBFA}"/>
          </ac:spMkLst>
        </pc:spChg>
        <pc:spChg chg="mod">
          <ac:chgData name="Jonathan Cerniaz" userId="S::jonathan.cerniaz01@student.csulb.edu::3b628a21-462a-4b55-bac2-0c5dbb20dd63" providerId="AD" clId="Web-{227DE5FA-E6E7-D6D0-BAD1-B2D7F416E6DB}" dt="2024-10-06T06:51:03.181" v="147" actId="1076"/>
          <ac:spMkLst>
            <pc:docMk/>
            <pc:sldMk cId="212836177" sldId="289"/>
            <ac:spMk id="16" creationId="{643FCF67-F77E-F85B-D12A-D5EA4CFC907B}"/>
          </ac:spMkLst>
        </pc:spChg>
        <pc:spChg chg="add del mod ord">
          <ac:chgData name="Jonathan Cerniaz" userId="S::jonathan.cerniaz01@student.csulb.edu::3b628a21-462a-4b55-bac2-0c5dbb20dd63" providerId="AD" clId="Web-{227DE5FA-E6E7-D6D0-BAD1-B2D7F416E6DB}" dt="2024-10-06T06:52:07.936" v="170"/>
          <ac:spMkLst>
            <pc:docMk/>
            <pc:sldMk cId="212836177" sldId="289"/>
            <ac:spMk id="17" creationId="{F7F291E6-73F2-9171-272C-E87FE6A16EDC}"/>
          </ac:spMkLst>
        </pc:spChg>
        <pc:spChg chg="add del mod ord">
          <ac:chgData name="Jonathan Cerniaz" userId="S::jonathan.cerniaz01@student.csulb.edu::3b628a21-462a-4b55-bac2-0c5dbb20dd63" providerId="AD" clId="Web-{227DE5FA-E6E7-D6D0-BAD1-B2D7F416E6DB}" dt="2024-10-06T06:52:11.374" v="172"/>
          <ac:spMkLst>
            <pc:docMk/>
            <pc:sldMk cId="212836177" sldId="289"/>
            <ac:spMk id="18" creationId="{F4239C01-1E9E-E524-8C81-8EA84B5387CA}"/>
          </ac:spMkLst>
        </pc:spChg>
        <pc:spChg chg="add del mod ord">
          <ac:chgData name="Jonathan Cerniaz" userId="S::jonathan.cerniaz01@student.csulb.edu::3b628a21-462a-4b55-bac2-0c5dbb20dd63" providerId="AD" clId="Web-{227DE5FA-E6E7-D6D0-BAD1-B2D7F416E6DB}" dt="2024-10-06T06:52:09.843" v="171"/>
          <ac:spMkLst>
            <pc:docMk/>
            <pc:sldMk cId="212836177" sldId="289"/>
            <ac:spMk id="19" creationId="{093FA9A0-4D1A-9C26-6399-B34C7CF19483}"/>
          </ac:spMkLst>
        </pc:spChg>
        <pc:spChg chg="add del mod ord">
          <ac:chgData name="Jonathan Cerniaz" userId="S::jonathan.cerniaz01@student.csulb.edu::3b628a21-462a-4b55-bac2-0c5dbb20dd63" providerId="AD" clId="Web-{227DE5FA-E6E7-D6D0-BAD1-B2D7F416E6DB}" dt="2024-10-06T06:52:43.187" v="180"/>
          <ac:spMkLst>
            <pc:docMk/>
            <pc:sldMk cId="212836177" sldId="289"/>
            <ac:spMk id="20" creationId="{B15DDF32-2210-E2F3-983E-2F21E1EB281D}"/>
          </ac:spMkLst>
        </pc:spChg>
        <pc:spChg chg="add del mod ord">
          <ac:chgData name="Jonathan Cerniaz" userId="S::jonathan.cerniaz01@student.csulb.edu::3b628a21-462a-4b55-bac2-0c5dbb20dd63" providerId="AD" clId="Web-{227DE5FA-E6E7-D6D0-BAD1-B2D7F416E6DB}" dt="2024-10-06T06:52:41.203" v="179"/>
          <ac:spMkLst>
            <pc:docMk/>
            <pc:sldMk cId="212836177" sldId="289"/>
            <ac:spMk id="21" creationId="{F251CC0E-2536-EF80-AF97-16C93D14AFF3}"/>
          </ac:spMkLst>
        </pc:spChg>
        <pc:spChg chg="add del mod ord">
          <ac:chgData name="Jonathan Cerniaz" userId="S::jonathan.cerniaz01@student.csulb.edu::3b628a21-462a-4b55-bac2-0c5dbb20dd63" providerId="AD" clId="Web-{227DE5FA-E6E7-D6D0-BAD1-B2D7F416E6DB}" dt="2024-10-06T06:52:19.655" v="174"/>
          <ac:spMkLst>
            <pc:docMk/>
            <pc:sldMk cId="212836177" sldId="289"/>
            <ac:spMk id="22" creationId="{A48092EA-6D11-4738-54D9-A3294838C9F4}"/>
          </ac:spMkLst>
        </pc:spChg>
        <pc:spChg chg="add del mod ord">
          <ac:chgData name="Jonathan Cerniaz" userId="S::jonathan.cerniaz01@student.csulb.edu::3b628a21-462a-4b55-bac2-0c5dbb20dd63" providerId="AD" clId="Web-{227DE5FA-E6E7-D6D0-BAD1-B2D7F416E6DB}" dt="2024-10-06T06:52:31.406" v="176"/>
          <ac:spMkLst>
            <pc:docMk/>
            <pc:sldMk cId="212836177" sldId="289"/>
            <ac:spMk id="23" creationId="{85D76128-25DD-8006-0665-3F3EC0CC27B3}"/>
          </ac:spMkLst>
        </pc:spChg>
        <pc:spChg chg="add del mod ord">
          <ac:chgData name="Jonathan Cerniaz" userId="S::jonathan.cerniaz01@student.csulb.edu::3b628a21-462a-4b55-bac2-0c5dbb20dd63" providerId="AD" clId="Web-{227DE5FA-E6E7-D6D0-BAD1-B2D7F416E6DB}" dt="2024-10-06T06:52:29.749" v="175"/>
          <ac:spMkLst>
            <pc:docMk/>
            <pc:sldMk cId="212836177" sldId="289"/>
            <ac:spMk id="24" creationId="{84411096-5068-B0FD-19B6-EB2F8C7DADAD}"/>
          </ac:spMkLst>
        </pc:spChg>
        <pc:picChg chg="mod">
          <ac:chgData name="Jonathan Cerniaz" userId="S::jonathan.cerniaz01@student.csulb.edu::3b628a21-462a-4b55-bac2-0c5dbb20dd63" providerId="AD" clId="Web-{227DE5FA-E6E7-D6D0-BAD1-B2D7F416E6DB}" dt="2024-10-06T06:51:03.181" v="158" actId="1076"/>
          <ac:picMkLst>
            <pc:docMk/>
            <pc:sldMk cId="212836177" sldId="289"/>
            <ac:picMk id="4" creationId="{4974092B-9715-D4EF-FCB7-57725A0D6603}"/>
          </ac:picMkLst>
        </pc:picChg>
        <pc:picChg chg="mod">
          <ac:chgData name="Jonathan Cerniaz" userId="S::jonathan.cerniaz01@student.csulb.edu::3b628a21-462a-4b55-bac2-0c5dbb20dd63" providerId="AD" clId="Web-{227DE5FA-E6E7-D6D0-BAD1-B2D7F416E6DB}" dt="2024-10-06T06:51:03.181" v="157" actId="1076"/>
          <ac:picMkLst>
            <pc:docMk/>
            <pc:sldMk cId="212836177" sldId="289"/>
            <ac:picMk id="5" creationId="{C8D639C0-74B0-9357-1D5C-FAE821501A3C}"/>
          </ac:picMkLst>
        </pc:picChg>
        <pc:picChg chg="mod">
          <ac:chgData name="Jonathan Cerniaz" userId="S::jonathan.cerniaz01@student.csulb.edu::3b628a21-462a-4b55-bac2-0c5dbb20dd63" providerId="AD" clId="Web-{227DE5FA-E6E7-D6D0-BAD1-B2D7F416E6DB}" dt="2024-10-06T06:51:03.181" v="156" actId="1076"/>
          <ac:picMkLst>
            <pc:docMk/>
            <pc:sldMk cId="212836177" sldId="289"/>
            <ac:picMk id="6" creationId="{73455802-D3BD-7191-59D2-E3F36CAB623C}"/>
          </ac:picMkLst>
        </pc:picChg>
        <pc:picChg chg="add del mod">
          <ac:chgData name="Jonathan Cerniaz" userId="S::jonathan.cerniaz01@student.csulb.edu::3b628a21-462a-4b55-bac2-0c5dbb20dd63" providerId="AD" clId="Web-{227DE5FA-E6E7-D6D0-BAD1-B2D7F416E6DB}" dt="2024-10-06T06:52:35.843" v="178"/>
          <ac:picMkLst>
            <pc:docMk/>
            <pc:sldMk cId="212836177" sldId="289"/>
            <ac:picMk id="7" creationId="{2422A08C-F390-2E54-4458-8ED1DA6F1FD1}"/>
          </ac:picMkLst>
        </pc:picChg>
        <pc:picChg chg="mod">
          <ac:chgData name="Jonathan Cerniaz" userId="S::jonathan.cerniaz01@student.csulb.edu::3b628a21-462a-4b55-bac2-0c5dbb20dd63" providerId="AD" clId="Web-{227DE5FA-E6E7-D6D0-BAD1-B2D7F416E6DB}" dt="2024-10-06T06:51:03.181" v="154" actId="1076"/>
          <ac:picMkLst>
            <pc:docMk/>
            <pc:sldMk cId="212836177" sldId="289"/>
            <ac:picMk id="8" creationId="{900FE89D-D1A6-FD2C-6F3D-9B0CC9BC723E}"/>
          </ac:picMkLst>
        </pc:picChg>
        <pc:picChg chg="mod">
          <ac:chgData name="Jonathan Cerniaz" userId="S::jonathan.cerniaz01@student.csulb.edu::3b628a21-462a-4b55-bac2-0c5dbb20dd63" providerId="AD" clId="Web-{227DE5FA-E6E7-D6D0-BAD1-B2D7F416E6DB}" dt="2024-10-06T06:51:03.181" v="153" actId="1076"/>
          <ac:picMkLst>
            <pc:docMk/>
            <pc:sldMk cId="212836177" sldId="289"/>
            <ac:picMk id="9" creationId="{02E3C0FE-0711-D2EE-0386-8835C8598661}"/>
          </ac:picMkLst>
        </pc:picChg>
      </pc:sldChg>
      <pc:sldChg chg="addSp delSp modSp mod ord modClrScheme chgLayout">
        <pc:chgData name="Jonathan Cerniaz" userId="S::jonathan.cerniaz01@student.csulb.edu::3b628a21-462a-4b55-bac2-0c5dbb20dd63" providerId="AD" clId="Web-{227DE5FA-E6E7-D6D0-BAD1-B2D7F416E6DB}" dt="2024-10-06T08:13:47.774" v="1179" actId="14100"/>
        <pc:sldMkLst>
          <pc:docMk/>
          <pc:sldMk cId="2804879295" sldId="291"/>
        </pc:sldMkLst>
        <pc:spChg chg="mod ord">
          <ac:chgData name="Jonathan Cerniaz" userId="S::jonathan.cerniaz01@student.csulb.edu::3b628a21-462a-4b55-bac2-0c5dbb20dd63" providerId="AD" clId="Web-{227DE5FA-E6E7-D6D0-BAD1-B2D7F416E6DB}" dt="2024-10-06T08:13:47.774" v="1179" actId="14100"/>
          <ac:spMkLst>
            <pc:docMk/>
            <pc:sldMk cId="2804879295" sldId="291"/>
            <ac:spMk id="2" creationId="{E8297F09-7025-DF80-C5A1-FBFA2EE74DD2}"/>
          </ac:spMkLst>
        </pc:spChg>
        <pc:spChg chg="mod ord">
          <ac:chgData name="Jonathan Cerniaz" userId="S::jonathan.cerniaz01@student.csulb.edu::3b628a21-462a-4b55-bac2-0c5dbb20dd63" providerId="AD" clId="Web-{227DE5FA-E6E7-D6D0-BAD1-B2D7F416E6DB}" dt="2024-10-06T07:50:24.590" v="1105" actId="20577"/>
          <ac:spMkLst>
            <pc:docMk/>
            <pc:sldMk cId="2804879295" sldId="291"/>
            <ac:spMk id="3" creationId="{92D3CC64-4176-3513-6CC1-441921739CF8}"/>
          </ac:spMkLst>
        </pc:spChg>
        <pc:spChg chg="del">
          <ac:chgData name="Jonathan Cerniaz" userId="S::jonathan.cerniaz01@student.csulb.edu::3b628a21-462a-4b55-bac2-0c5dbb20dd63" providerId="AD" clId="Web-{227DE5FA-E6E7-D6D0-BAD1-B2D7F416E6DB}" dt="2024-10-06T07:28:55.883" v="801"/>
          <ac:spMkLst>
            <pc:docMk/>
            <pc:sldMk cId="2804879295" sldId="291"/>
            <ac:spMk id="4" creationId="{2E00AFEA-7036-E06A-9EC7-A26B70601B8E}"/>
          </ac:spMkLst>
        </pc:spChg>
        <pc:spChg chg="del">
          <ac:chgData name="Jonathan Cerniaz" userId="S::jonathan.cerniaz01@student.csulb.edu::3b628a21-462a-4b55-bac2-0c5dbb20dd63" providerId="AD" clId="Web-{227DE5FA-E6E7-D6D0-BAD1-B2D7F416E6DB}" dt="2024-10-06T07:24:07.359" v="766"/>
          <ac:spMkLst>
            <pc:docMk/>
            <pc:sldMk cId="2804879295" sldId="291"/>
            <ac:spMk id="10" creationId="{40DBD955-A612-5B43-B07B-39DC5E496A25}"/>
          </ac:spMkLst>
        </pc:spChg>
        <pc:spChg chg="del">
          <ac:chgData name="Jonathan Cerniaz" userId="S::jonathan.cerniaz01@student.csulb.edu::3b628a21-462a-4b55-bac2-0c5dbb20dd63" providerId="AD" clId="Web-{227DE5FA-E6E7-D6D0-BAD1-B2D7F416E6DB}" dt="2024-10-06T07:28:29.069" v="798"/>
          <ac:spMkLst>
            <pc:docMk/>
            <pc:sldMk cId="2804879295" sldId="291"/>
            <ac:spMk id="13" creationId="{319A5FA2-0EDD-A2ED-D8DC-179D191256B4}"/>
          </ac:spMkLst>
        </pc:spChg>
        <pc:spChg chg="add del mod">
          <ac:chgData name="Jonathan Cerniaz" userId="S::jonathan.cerniaz01@student.csulb.edu::3b628a21-462a-4b55-bac2-0c5dbb20dd63" providerId="AD" clId="Web-{227DE5FA-E6E7-D6D0-BAD1-B2D7F416E6DB}" dt="2024-10-06T07:24:07.359" v="764"/>
          <ac:spMkLst>
            <pc:docMk/>
            <pc:sldMk cId="2804879295" sldId="291"/>
            <ac:spMk id="14" creationId="{C1BF1464-C259-A032-C459-69AE70B85E1B}"/>
          </ac:spMkLst>
        </pc:spChg>
        <pc:spChg chg="del mod">
          <ac:chgData name="Jonathan Cerniaz" userId="S::jonathan.cerniaz01@student.csulb.edu::3b628a21-462a-4b55-bac2-0c5dbb20dd63" providerId="AD" clId="Web-{227DE5FA-E6E7-D6D0-BAD1-B2D7F416E6DB}" dt="2024-10-06T07:28:52.070" v="800"/>
          <ac:spMkLst>
            <pc:docMk/>
            <pc:sldMk cId="2804879295" sldId="291"/>
            <ac:spMk id="15" creationId="{836EAD0F-CC64-04BA-B065-7E84F701FEDA}"/>
          </ac:spMkLst>
        </pc:spChg>
        <pc:spChg chg="add">
          <ac:chgData name="Jonathan Cerniaz" userId="S::jonathan.cerniaz01@student.csulb.edu::3b628a21-462a-4b55-bac2-0c5dbb20dd63" providerId="AD" clId="Web-{227DE5FA-E6E7-D6D0-BAD1-B2D7F416E6DB}" dt="2024-10-06T07:24:11.093" v="769"/>
          <ac:spMkLst>
            <pc:docMk/>
            <pc:sldMk cId="2804879295" sldId="291"/>
            <ac:spMk id="18" creationId="{CA1A5238-67F9-89F8-7D97-7902D83EBA05}"/>
          </ac:spMkLst>
        </pc:spChg>
        <pc:spChg chg="add del mod ord">
          <ac:chgData name="Jonathan Cerniaz" userId="S::jonathan.cerniaz01@student.csulb.edu::3b628a21-462a-4b55-bac2-0c5dbb20dd63" providerId="AD" clId="Web-{227DE5FA-E6E7-D6D0-BAD1-B2D7F416E6DB}" dt="2024-10-06T07:27:01.317" v="790"/>
          <ac:spMkLst>
            <pc:docMk/>
            <pc:sldMk cId="2804879295" sldId="291"/>
            <ac:spMk id="19" creationId="{C3175796-DF81-8B1B-7857-DE6DF0CF3132}"/>
          </ac:spMkLst>
        </pc:spChg>
        <pc:spChg chg="add del mod ord">
          <ac:chgData name="Jonathan Cerniaz" userId="S::jonathan.cerniaz01@student.csulb.edu::3b628a21-462a-4b55-bac2-0c5dbb20dd63" providerId="AD" clId="Web-{227DE5FA-E6E7-D6D0-BAD1-B2D7F416E6DB}" dt="2024-10-06T07:26:59.489" v="789"/>
          <ac:spMkLst>
            <pc:docMk/>
            <pc:sldMk cId="2804879295" sldId="291"/>
            <ac:spMk id="20" creationId="{42C24851-E1E7-A385-ACC9-38FE897902E5}"/>
          </ac:spMkLst>
        </pc:spChg>
        <pc:spChg chg="add del mod ord">
          <ac:chgData name="Jonathan Cerniaz" userId="S::jonathan.cerniaz01@student.csulb.edu::3b628a21-462a-4b55-bac2-0c5dbb20dd63" providerId="AD" clId="Web-{227DE5FA-E6E7-D6D0-BAD1-B2D7F416E6DB}" dt="2024-10-06T07:27:03.661" v="791"/>
          <ac:spMkLst>
            <pc:docMk/>
            <pc:sldMk cId="2804879295" sldId="291"/>
            <ac:spMk id="21" creationId="{FD034854-B299-0C0E-E1A7-1F6BBF6189DA}"/>
          </ac:spMkLst>
        </pc:spChg>
        <pc:picChg chg="add del">
          <ac:chgData name="Jonathan Cerniaz" userId="S::jonathan.cerniaz01@student.csulb.edu::3b628a21-462a-4b55-bac2-0c5dbb20dd63" providerId="AD" clId="Web-{227DE5FA-E6E7-D6D0-BAD1-B2D7F416E6DB}" dt="2024-10-06T07:24:07.359" v="765"/>
          <ac:picMkLst>
            <pc:docMk/>
            <pc:sldMk cId="2804879295" sldId="291"/>
            <ac:picMk id="6" creationId="{D8DECFB1-A256-F539-BB46-E3EA790AC6CE}"/>
          </ac:picMkLst>
        </pc:picChg>
        <pc:picChg chg="del">
          <ac:chgData name="Jonathan Cerniaz" userId="S::jonathan.cerniaz01@student.csulb.edu::3b628a21-462a-4b55-bac2-0c5dbb20dd63" providerId="AD" clId="Web-{227DE5FA-E6E7-D6D0-BAD1-B2D7F416E6DB}" dt="2024-10-06T07:24:07.359" v="767"/>
          <ac:picMkLst>
            <pc:docMk/>
            <pc:sldMk cId="2804879295" sldId="291"/>
            <ac:picMk id="9" creationId="{031D518B-E500-64E6-2119-B25FB96007AA}"/>
          </ac:picMkLst>
        </pc:picChg>
        <pc:picChg chg="add">
          <ac:chgData name="Jonathan Cerniaz" userId="S::jonathan.cerniaz01@student.csulb.edu::3b628a21-462a-4b55-bac2-0c5dbb20dd63" providerId="AD" clId="Web-{227DE5FA-E6E7-D6D0-BAD1-B2D7F416E6DB}" dt="2024-10-06T07:24:11.078" v="768"/>
          <ac:picMkLst>
            <pc:docMk/>
            <pc:sldMk cId="2804879295" sldId="291"/>
            <ac:picMk id="16" creationId="{5274CC8C-A105-F759-02EA-B5052396A7ED}"/>
          </ac:picMkLst>
        </pc:picChg>
      </pc:sldChg>
      <pc:sldChg chg="add del">
        <pc:chgData name="Jonathan Cerniaz" userId="S::jonathan.cerniaz01@student.csulb.edu::3b628a21-462a-4b55-bac2-0c5dbb20dd63" providerId="AD" clId="Web-{227DE5FA-E6E7-D6D0-BAD1-B2D7F416E6DB}" dt="2024-10-06T06:32:14.222" v="3"/>
        <pc:sldMkLst>
          <pc:docMk/>
          <pc:sldMk cId="903292642" sldId="292"/>
        </pc:sldMkLst>
      </pc:sldChg>
      <pc:sldChg chg="add del">
        <pc:chgData name="Jonathan Cerniaz" userId="S::jonathan.cerniaz01@student.csulb.edu::3b628a21-462a-4b55-bac2-0c5dbb20dd63" providerId="AD" clId="Web-{227DE5FA-E6E7-D6D0-BAD1-B2D7F416E6DB}" dt="2024-10-06T06:32:15.754" v="4"/>
        <pc:sldMkLst>
          <pc:docMk/>
          <pc:sldMk cId="924052893" sldId="293"/>
        </pc:sldMkLst>
      </pc:sldChg>
      <pc:sldChg chg="addSp delSp modSp add mod ord setBg modClrScheme chgLayout">
        <pc:chgData name="Jonathan Cerniaz" userId="S::jonathan.cerniaz01@student.csulb.edu::3b628a21-462a-4b55-bac2-0c5dbb20dd63" providerId="AD" clId="Web-{227DE5FA-E6E7-D6D0-BAD1-B2D7F416E6DB}" dt="2024-10-06T08:08:03.905" v="1108"/>
        <pc:sldMkLst>
          <pc:docMk/>
          <pc:sldMk cId="1434196833" sldId="294"/>
        </pc:sldMkLst>
        <pc:spChg chg="mod ord">
          <ac:chgData name="Jonathan Cerniaz" userId="S::jonathan.cerniaz01@student.csulb.edu::3b628a21-462a-4b55-bac2-0c5dbb20dd63" providerId="AD" clId="Web-{227DE5FA-E6E7-D6D0-BAD1-B2D7F416E6DB}" dt="2024-10-06T08:08:03.889" v="1107"/>
          <ac:spMkLst>
            <pc:docMk/>
            <pc:sldMk cId="1434196833" sldId="294"/>
            <ac:spMk id="2" creationId="{CFE75451-6A4B-484B-9ED1-353CCE25B0F4}"/>
          </ac:spMkLst>
        </pc:spChg>
        <pc:spChg chg="add mod ord">
          <ac:chgData name="Jonathan Cerniaz" userId="S::jonathan.cerniaz01@student.csulb.edu::3b628a21-462a-4b55-bac2-0c5dbb20dd63" providerId="AD" clId="Web-{227DE5FA-E6E7-D6D0-BAD1-B2D7F416E6DB}" dt="2024-10-06T08:08:03.905" v="1108"/>
          <ac:spMkLst>
            <pc:docMk/>
            <pc:sldMk cId="1434196833" sldId="294"/>
            <ac:spMk id="3" creationId="{54CD7046-FA41-1BC3-7E76-F611611C75A2}"/>
          </ac:spMkLst>
        </pc:spChg>
        <pc:spChg chg="add del mod">
          <ac:chgData name="Jonathan Cerniaz" userId="S::jonathan.cerniaz01@student.csulb.edu::3b628a21-462a-4b55-bac2-0c5dbb20dd63" providerId="AD" clId="Web-{227DE5FA-E6E7-D6D0-BAD1-B2D7F416E6DB}" dt="2024-10-06T06:40:50.476" v="61"/>
          <ac:spMkLst>
            <pc:docMk/>
            <pc:sldMk cId="1434196833" sldId="294"/>
            <ac:spMk id="8" creationId="{A0AEEE1F-6886-029F-0342-29492CE6F47D}"/>
          </ac:spMkLst>
        </pc:spChg>
        <pc:spChg chg="add del mod ord">
          <ac:chgData name="Jonathan Cerniaz" userId="S::jonathan.cerniaz01@student.csulb.edu::3b628a21-462a-4b55-bac2-0c5dbb20dd63" providerId="AD" clId="Web-{227DE5FA-E6E7-D6D0-BAD1-B2D7F416E6DB}" dt="2024-10-06T06:44:54.311" v="94"/>
          <ac:spMkLst>
            <pc:docMk/>
            <pc:sldMk cId="1434196833" sldId="294"/>
            <ac:spMk id="10" creationId="{997AD9B2-DD2A-D6A2-43FE-3B787753DEF0}"/>
          </ac:spMkLst>
        </pc:spChg>
        <pc:spChg chg="add mod">
          <ac:chgData name="Jonathan Cerniaz" userId="S::jonathan.cerniaz01@student.csulb.edu::3b628a21-462a-4b55-bac2-0c5dbb20dd63" providerId="AD" clId="Web-{227DE5FA-E6E7-D6D0-BAD1-B2D7F416E6DB}" dt="2024-10-06T06:45:08.577" v="98"/>
          <ac:spMkLst>
            <pc:docMk/>
            <pc:sldMk cId="1434196833" sldId="294"/>
            <ac:spMk id="14" creationId="{149C7556-C3C3-453C-FDE8-5871C1894FFB}"/>
          </ac:spMkLst>
        </pc:spChg>
        <pc:spChg chg="add del mod">
          <ac:chgData name="Jonathan Cerniaz" userId="S::jonathan.cerniaz01@student.csulb.edu::3b628a21-462a-4b55-bac2-0c5dbb20dd63" providerId="AD" clId="Web-{227DE5FA-E6E7-D6D0-BAD1-B2D7F416E6DB}" dt="2024-10-06T06:43:52.231" v="71"/>
          <ac:spMkLst>
            <pc:docMk/>
            <pc:sldMk cId="1434196833" sldId="294"/>
            <ac:spMk id="15" creationId="{7B94E456-87BD-4058-6584-F38C50F6E984}"/>
          </ac:spMkLst>
        </pc:spChg>
        <pc:spChg chg="add del mod">
          <ac:chgData name="Jonathan Cerniaz" userId="S::jonathan.cerniaz01@student.csulb.edu::3b628a21-462a-4b55-bac2-0c5dbb20dd63" providerId="AD" clId="Web-{227DE5FA-E6E7-D6D0-BAD1-B2D7F416E6DB}" dt="2024-10-06T06:43:52.231" v="71"/>
          <ac:spMkLst>
            <pc:docMk/>
            <pc:sldMk cId="1434196833" sldId="294"/>
            <ac:spMk id="17" creationId="{B0AD83AB-9766-89F7-E65A-76D434A1F00F}"/>
          </ac:spMkLst>
        </pc:spChg>
        <pc:picChg chg="add del mod">
          <ac:chgData name="Jonathan Cerniaz" userId="S::jonathan.cerniaz01@student.csulb.edu::3b628a21-462a-4b55-bac2-0c5dbb20dd63" providerId="AD" clId="Web-{227DE5FA-E6E7-D6D0-BAD1-B2D7F416E6DB}" dt="2024-10-06T06:43:16.808" v="67"/>
          <ac:picMkLst>
            <pc:docMk/>
            <pc:sldMk cId="1434196833" sldId="294"/>
            <ac:picMk id="5" creationId="{9676A3B3-2EBC-248D-3D77-DA29DB56789E}"/>
          </ac:picMkLst>
        </pc:picChg>
        <pc:picChg chg="add del mod ord">
          <ac:chgData name="Jonathan Cerniaz" userId="S::jonathan.cerniaz01@student.csulb.edu::3b628a21-462a-4b55-bac2-0c5dbb20dd63" providerId="AD" clId="Web-{227DE5FA-E6E7-D6D0-BAD1-B2D7F416E6DB}" dt="2024-10-06T06:44:54.311" v="95"/>
          <ac:picMkLst>
            <pc:docMk/>
            <pc:sldMk cId="1434196833" sldId="294"/>
            <ac:picMk id="7" creationId="{AE58D22E-07F3-9C1A-30C5-E5C99EB57AE6}"/>
          </ac:picMkLst>
        </pc:picChg>
        <pc:picChg chg="add">
          <ac:chgData name="Jonathan Cerniaz" userId="S::jonathan.cerniaz01@student.csulb.edu::3b628a21-462a-4b55-bac2-0c5dbb20dd63" providerId="AD" clId="Web-{227DE5FA-E6E7-D6D0-BAD1-B2D7F416E6DB}" dt="2024-10-06T06:44:58.108" v="96"/>
          <ac:picMkLst>
            <pc:docMk/>
            <pc:sldMk cId="1434196833" sldId="294"/>
            <ac:picMk id="12" creationId="{2E385DED-79CC-98F7-90C6-62D2BBAFE783}"/>
          </ac:picMkLst>
        </pc:picChg>
      </pc:sldChg>
      <pc:sldChg chg="add del">
        <pc:chgData name="Jonathan Cerniaz" userId="S::jonathan.cerniaz01@student.csulb.edu::3b628a21-462a-4b55-bac2-0c5dbb20dd63" providerId="AD" clId="Web-{227DE5FA-E6E7-D6D0-BAD1-B2D7F416E6DB}" dt="2024-10-06T06:34:05.507" v="7"/>
        <pc:sldMkLst>
          <pc:docMk/>
          <pc:sldMk cId="1009709109" sldId="295"/>
        </pc:sldMkLst>
      </pc:sldChg>
      <pc:sldChg chg="addSp delSp modSp add ord replId">
        <pc:chgData name="Jonathan Cerniaz" userId="S::jonathan.cerniaz01@student.csulb.edu::3b628a21-462a-4b55-bac2-0c5dbb20dd63" providerId="AD" clId="Web-{227DE5FA-E6E7-D6D0-BAD1-B2D7F416E6DB}" dt="2024-10-06T08:17:21.299" v="1181"/>
        <pc:sldMkLst>
          <pc:docMk/>
          <pc:sldMk cId="2018400078" sldId="295"/>
        </pc:sldMkLst>
        <pc:spChg chg="mod">
          <ac:chgData name="Jonathan Cerniaz" userId="S::jonathan.cerniaz01@student.csulb.edu::3b628a21-462a-4b55-bac2-0c5dbb20dd63" providerId="AD" clId="Web-{227DE5FA-E6E7-D6D0-BAD1-B2D7F416E6DB}" dt="2024-10-06T08:12:07.068" v="1167" actId="20577"/>
          <ac:spMkLst>
            <pc:docMk/>
            <pc:sldMk cId="2018400078" sldId="295"/>
            <ac:spMk id="3" creationId="{D74BC406-1584-A7F7-A390-93AAD90F20F3}"/>
          </ac:spMkLst>
        </pc:spChg>
        <pc:spChg chg="del mod">
          <ac:chgData name="Jonathan Cerniaz" userId="S::jonathan.cerniaz01@student.csulb.edu::3b628a21-462a-4b55-bac2-0c5dbb20dd63" providerId="AD" clId="Web-{227DE5FA-E6E7-D6D0-BAD1-B2D7F416E6DB}" dt="2024-10-06T07:06:23.250" v="622"/>
          <ac:spMkLst>
            <pc:docMk/>
            <pc:sldMk cId="2018400078" sldId="295"/>
            <ac:spMk id="10" creationId="{A7CDD1D2-9D04-3C93-0F81-BAABDCCCD453}"/>
          </ac:spMkLst>
        </pc:spChg>
        <pc:spChg chg="del">
          <ac:chgData name="Jonathan Cerniaz" userId="S::jonathan.cerniaz01@student.csulb.edu::3b628a21-462a-4b55-bac2-0c5dbb20dd63" providerId="AD" clId="Web-{227DE5FA-E6E7-D6D0-BAD1-B2D7F416E6DB}" dt="2024-10-06T07:06:53.298" v="633"/>
          <ac:spMkLst>
            <pc:docMk/>
            <pc:sldMk cId="2018400078" sldId="295"/>
            <ac:spMk id="11" creationId="{B806B5B0-7B49-BF43-5F73-8A8EBEBA4FC2}"/>
          </ac:spMkLst>
        </pc:spChg>
        <pc:spChg chg="del">
          <ac:chgData name="Jonathan Cerniaz" userId="S::jonathan.cerniaz01@student.csulb.edu::3b628a21-462a-4b55-bac2-0c5dbb20dd63" providerId="AD" clId="Web-{227DE5FA-E6E7-D6D0-BAD1-B2D7F416E6DB}" dt="2024-10-06T07:06:53.298" v="632"/>
          <ac:spMkLst>
            <pc:docMk/>
            <pc:sldMk cId="2018400078" sldId="295"/>
            <ac:spMk id="12" creationId="{C7E4C41A-0195-C7C2-2ED2-FC68A13136EB}"/>
          </ac:spMkLst>
        </pc:spChg>
        <pc:spChg chg="del">
          <ac:chgData name="Jonathan Cerniaz" userId="S::jonathan.cerniaz01@student.csulb.edu::3b628a21-462a-4b55-bac2-0c5dbb20dd63" providerId="AD" clId="Web-{227DE5FA-E6E7-D6D0-BAD1-B2D7F416E6DB}" dt="2024-10-06T07:06:53.298" v="631"/>
          <ac:spMkLst>
            <pc:docMk/>
            <pc:sldMk cId="2018400078" sldId="295"/>
            <ac:spMk id="13" creationId="{5A6D4650-B26C-F383-8AAE-814A2264854C}"/>
          </ac:spMkLst>
        </pc:spChg>
        <pc:spChg chg="del">
          <ac:chgData name="Jonathan Cerniaz" userId="S::jonathan.cerniaz01@student.csulb.edu::3b628a21-462a-4b55-bac2-0c5dbb20dd63" providerId="AD" clId="Web-{227DE5FA-E6E7-D6D0-BAD1-B2D7F416E6DB}" dt="2024-10-06T07:06:53.298" v="630"/>
          <ac:spMkLst>
            <pc:docMk/>
            <pc:sldMk cId="2018400078" sldId="295"/>
            <ac:spMk id="14" creationId="{A5DA1B6D-9A93-A065-D7C5-3E82D790824A}"/>
          </ac:spMkLst>
        </pc:spChg>
        <pc:spChg chg="del">
          <ac:chgData name="Jonathan Cerniaz" userId="S::jonathan.cerniaz01@student.csulb.edu::3b628a21-462a-4b55-bac2-0c5dbb20dd63" providerId="AD" clId="Web-{227DE5FA-E6E7-D6D0-BAD1-B2D7F416E6DB}" dt="2024-10-06T07:06:53.298" v="629"/>
          <ac:spMkLst>
            <pc:docMk/>
            <pc:sldMk cId="2018400078" sldId="295"/>
            <ac:spMk id="15" creationId="{D2585015-F5E1-EA4B-9631-4DBDE810EBFA}"/>
          </ac:spMkLst>
        </pc:spChg>
        <pc:spChg chg="add mod">
          <ac:chgData name="Jonathan Cerniaz" userId="S::jonathan.cerniaz01@student.csulb.edu::3b628a21-462a-4b55-bac2-0c5dbb20dd63" providerId="AD" clId="Web-{227DE5FA-E6E7-D6D0-BAD1-B2D7F416E6DB}" dt="2024-10-06T08:10:59.535" v="1149"/>
          <ac:spMkLst>
            <pc:docMk/>
            <pc:sldMk cId="2018400078" sldId="295"/>
            <ac:spMk id="16" creationId="{C8D9FF96-0E08-02F5-01A7-1291E987476A}"/>
          </ac:spMkLst>
        </pc:spChg>
        <pc:spChg chg="add mod">
          <ac:chgData name="Jonathan Cerniaz" userId="S::jonathan.cerniaz01@student.csulb.edu::3b628a21-462a-4b55-bac2-0c5dbb20dd63" providerId="AD" clId="Web-{227DE5FA-E6E7-D6D0-BAD1-B2D7F416E6DB}" dt="2024-10-06T08:10:59.535" v="1150"/>
          <ac:spMkLst>
            <pc:docMk/>
            <pc:sldMk cId="2018400078" sldId="295"/>
            <ac:spMk id="18" creationId="{2EB73874-7BA0-6F9E-2EED-865DA325D8FD}"/>
          </ac:spMkLst>
        </pc:spChg>
        <pc:spChg chg="add mod">
          <ac:chgData name="Jonathan Cerniaz" userId="S::jonathan.cerniaz01@student.csulb.edu::3b628a21-462a-4b55-bac2-0c5dbb20dd63" providerId="AD" clId="Web-{227DE5FA-E6E7-D6D0-BAD1-B2D7F416E6DB}" dt="2024-10-06T08:10:59.535" v="1151"/>
          <ac:spMkLst>
            <pc:docMk/>
            <pc:sldMk cId="2018400078" sldId="295"/>
            <ac:spMk id="20" creationId="{1F2EA6C6-C3A5-4B73-C337-717A4A8A872B}"/>
          </ac:spMkLst>
        </pc:spChg>
        <pc:spChg chg="add mod">
          <ac:chgData name="Jonathan Cerniaz" userId="S::jonathan.cerniaz01@student.csulb.edu::3b628a21-462a-4b55-bac2-0c5dbb20dd63" providerId="AD" clId="Web-{227DE5FA-E6E7-D6D0-BAD1-B2D7F416E6DB}" dt="2024-10-06T08:10:59.535" v="1152"/>
          <ac:spMkLst>
            <pc:docMk/>
            <pc:sldMk cId="2018400078" sldId="295"/>
            <ac:spMk id="22" creationId="{49D3DF13-F686-7885-6DB4-428942FBF656}"/>
          </ac:spMkLst>
        </pc:spChg>
        <pc:spChg chg="add mod">
          <ac:chgData name="Jonathan Cerniaz" userId="S::jonathan.cerniaz01@student.csulb.edu::3b628a21-462a-4b55-bac2-0c5dbb20dd63" providerId="AD" clId="Web-{227DE5FA-E6E7-D6D0-BAD1-B2D7F416E6DB}" dt="2024-10-06T08:10:59.535" v="1153"/>
          <ac:spMkLst>
            <pc:docMk/>
            <pc:sldMk cId="2018400078" sldId="295"/>
            <ac:spMk id="24" creationId="{FBFA847B-2CA0-417A-D7E9-1369EAA2FB11}"/>
          </ac:spMkLst>
        </pc:spChg>
        <pc:spChg chg="add mod">
          <ac:chgData name="Jonathan Cerniaz" userId="S::jonathan.cerniaz01@student.csulb.edu::3b628a21-462a-4b55-bac2-0c5dbb20dd63" providerId="AD" clId="Web-{227DE5FA-E6E7-D6D0-BAD1-B2D7F416E6DB}" dt="2024-10-06T08:10:59.535" v="1154"/>
          <ac:spMkLst>
            <pc:docMk/>
            <pc:sldMk cId="2018400078" sldId="295"/>
            <ac:spMk id="26" creationId="{0331D31D-A805-C9DD-92EC-F2BF1F6E3275}"/>
          </ac:spMkLst>
        </pc:spChg>
        <pc:spChg chg="add mod">
          <ac:chgData name="Jonathan Cerniaz" userId="S::jonathan.cerniaz01@student.csulb.edu::3b628a21-462a-4b55-bac2-0c5dbb20dd63" providerId="AD" clId="Web-{227DE5FA-E6E7-D6D0-BAD1-B2D7F416E6DB}" dt="2024-10-06T08:10:59.535" v="1155"/>
          <ac:spMkLst>
            <pc:docMk/>
            <pc:sldMk cId="2018400078" sldId="295"/>
            <ac:spMk id="28" creationId="{1CAF1D78-F40C-A7A7-01C6-9E1ABBFE18F4}"/>
          </ac:spMkLst>
        </pc:spChg>
        <pc:spChg chg="add mod">
          <ac:chgData name="Jonathan Cerniaz" userId="S::jonathan.cerniaz01@student.csulb.edu::3b628a21-462a-4b55-bac2-0c5dbb20dd63" providerId="AD" clId="Web-{227DE5FA-E6E7-D6D0-BAD1-B2D7F416E6DB}" dt="2024-10-06T08:10:59.535" v="1156"/>
          <ac:spMkLst>
            <pc:docMk/>
            <pc:sldMk cId="2018400078" sldId="295"/>
            <ac:spMk id="30" creationId="{2DF704A5-D2FA-FCF4-51AB-00F6D87CA638}"/>
          </ac:spMkLst>
        </pc:spChg>
        <pc:spChg chg="add mod">
          <ac:chgData name="Jonathan Cerniaz" userId="S::jonathan.cerniaz01@student.csulb.edu::3b628a21-462a-4b55-bac2-0c5dbb20dd63" providerId="AD" clId="Web-{227DE5FA-E6E7-D6D0-BAD1-B2D7F416E6DB}" dt="2024-10-06T08:10:59.535" v="1157"/>
          <ac:spMkLst>
            <pc:docMk/>
            <pc:sldMk cId="2018400078" sldId="295"/>
            <ac:spMk id="32" creationId="{5FAC84EE-54E3-A7EE-539C-F3227A667586}"/>
          </ac:spMkLst>
        </pc:spChg>
        <pc:spChg chg="add mod">
          <ac:chgData name="Jonathan Cerniaz" userId="S::jonathan.cerniaz01@student.csulb.edu::3b628a21-462a-4b55-bac2-0c5dbb20dd63" providerId="AD" clId="Web-{227DE5FA-E6E7-D6D0-BAD1-B2D7F416E6DB}" dt="2024-10-06T08:10:59.535" v="1158"/>
          <ac:spMkLst>
            <pc:docMk/>
            <pc:sldMk cId="2018400078" sldId="295"/>
            <ac:spMk id="34" creationId="{C2F06B38-C448-85B2-7B9C-61C87BB45189}"/>
          </ac:spMkLst>
        </pc:spChg>
        <pc:spChg chg="add mod">
          <ac:chgData name="Jonathan Cerniaz" userId="S::jonathan.cerniaz01@student.csulb.edu::3b628a21-462a-4b55-bac2-0c5dbb20dd63" providerId="AD" clId="Web-{227DE5FA-E6E7-D6D0-BAD1-B2D7F416E6DB}" dt="2024-10-06T08:10:59.550" v="1159"/>
          <ac:spMkLst>
            <pc:docMk/>
            <pc:sldMk cId="2018400078" sldId="295"/>
            <ac:spMk id="36" creationId="{940E3014-BC66-0461-A37A-EF183BD7EF1E}"/>
          </ac:spMkLst>
        </pc:spChg>
        <pc:spChg chg="add mod">
          <ac:chgData name="Jonathan Cerniaz" userId="S::jonathan.cerniaz01@student.csulb.edu::3b628a21-462a-4b55-bac2-0c5dbb20dd63" providerId="AD" clId="Web-{227DE5FA-E6E7-D6D0-BAD1-B2D7F416E6DB}" dt="2024-10-06T08:10:59.722" v="1160"/>
          <ac:spMkLst>
            <pc:docMk/>
            <pc:sldMk cId="2018400078" sldId="295"/>
            <ac:spMk id="38" creationId="{DA1966F8-C7E6-FB30-E208-9455B64A4624}"/>
          </ac:spMkLst>
        </pc:spChg>
        <pc:picChg chg="mod">
          <ac:chgData name="Jonathan Cerniaz" userId="S::jonathan.cerniaz01@student.csulb.edu::3b628a21-462a-4b55-bac2-0c5dbb20dd63" providerId="AD" clId="Web-{227DE5FA-E6E7-D6D0-BAD1-B2D7F416E6DB}" dt="2024-10-06T07:34:51.145" v="993" actId="1076"/>
          <ac:picMkLst>
            <pc:docMk/>
            <pc:sldMk cId="2018400078" sldId="295"/>
            <ac:picMk id="5" creationId="{C8D639C0-74B0-9357-1D5C-FAE821501A3C}"/>
          </ac:picMkLst>
        </pc:picChg>
      </pc:sldChg>
      <pc:sldChg chg="new del">
        <pc:chgData name="Jonathan Cerniaz" userId="S::jonathan.cerniaz01@student.csulb.edu::3b628a21-462a-4b55-bac2-0c5dbb20dd63" providerId="AD" clId="Web-{227DE5FA-E6E7-D6D0-BAD1-B2D7F416E6DB}" dt="2024-10-06T06:39:17.159" v="53"/>
        <pc:sldMkLst>
          <pc:docMk/>
          <pc:sldMk cId="2795834940" sldId="295"/>
        </pc:sldMkLst>
      </pc:sldChg>
      <pc:sldChg chg="new del">
        <pc:chgData name="Jonathan Cerniaz" userId="S::jonathan.cerniaz01@student.csulb.edu::3b628a21-462a-4b55-bac2-0c5dbb20dd63" providerId="AD" clId="Web-{227DE5FA-E6E7-D6D0-BAD1-B2D7F416E6DB}" dt="2024-10-06T06:37:49.282" v="49"/>
        <pc:sldMkLst>
          <pc:docMk/>
          <pc:sldMk cId="1919923702" sldId="296"/>
        </pc:sldMkLst>
      </pc:sldChg>
      <pc:sldMasterChg chg="add addSldLayout">
        <pc:chgData name="Jonathan Cerniaz" userId="S::jonathan.cerniaz01@student.csulb.edu::3b628a21-462a-4b55-bac2-0c5dbb20dd63" providerId="AD" clId="Web-{227DE5FA-E6E7-D6D0-BAD1-B2D7F416E6DB}" dt="2024-10-06T06:32:02.019" v="2"/>
        <pc:sldMasterMkLst>
          <pc:docMk/>
          <pc:sldMasterMk cId="2319061225" sldId="2147483648"/>
        </pc:sldMasterMkLst>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1776826555" sldId="2147483649"/>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982124936" sldId="2147483650"/>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4249735939" sldId="2147483651"/>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2432451945" sldId="2147483653"/>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917780591" sldId="2147483664"/>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1291140423" sldId="2147483665"/>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3370680036" sldId="2147483667"/>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1282501794" sldId="2147483669"/>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3754018643" sldId="2147483670"/>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440329692" sldId="2147483671"/>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284012778" sldId="2147483672"/>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2112085538" sldId="2147483673"/>
          </pc:sldLayoutMkLst>
        </pc:sldLayoutChg>
        <pc:sldLayoutChg chg="add">
          <pc:chgData name="Jonathan Cerniaz" userId="S::jonathan.cerniaz01@student.csulb.edu::3b628a21-462a-4b55-bac2-0c5dbb20dd63" providerId="AD" clId="Web-{227DE5FA-E6E7-D6D0-BAD1-B2D7F416E6DB}" dt="2024-10-06T06:32:02.019" v="2"/>
          <pc:sldLayoutMkLst>
            <pc:docMk/>
            <pc:sldMasterMk cId="2319061225" sldId="2147483648"/>
            <pc:sldLayoutMk cId="2328081630" sldId="2147483674"/>
          </pc:sldLayoutMkLst>
        </pc:sldLayoutChg>
      </pc:sldMasterChg>
      <pc:sldMasterChg chg="addSldLayout">
        <pc:chgData name="Jonathan Cerniaz" userId="S::jonathan.cerniaz01@student.csulb.edu::3b628a21-462a-4b55-bac2-0c5dbb20dd63" providerId="AD" clId="Web-{227DE5FA-E6E7-D6D0-BAD1-B2D7F416E6DB}" dt="2024-10-06T06:31:33.893" v="0"/>
        <pc:sldMasterMkLst>
          <pc:docMk/>
          <pc:sldMasterMk cId="1564007360" sldId="2147483695"/>
        </pc:sldMasterMkLst>
        <pc:sldLayoutChg chg="add">
          <pc:chgData name="Jonathan Cerniaz" userId="S::jonathan.cerniaz01@student.csulb.edu::3b628a21-462a-4b55-bac2-0c5dbb20dd63" providerId="AD" clId="Web-{227DE5FA-E6E7-D6D0-BAD1-B2D7F416E6DB}" dt="2024-10-06T06:31:33.893" v="0"/>
          <pc:sldLayoutMkLst>
            <pc:docMk/>
            <pc:sldMasterMk cId="1564007360" sldId="2147483695"/>
            <pc:sldLayoutMk cId="527810696" sldId="2147483715"/>
          </pc:sldLayoutMkLst>
        </pc:sldLayoutChg>
      </pc:sldMasterChg>
    </pc:docChg>
  </pc:docChgLst>
  <pc:docChgLst>
    <pc:chgData name="Jehmel Espiritu" userId="S::jehmel.espiritu01@student.csulb.edu::7d1c0f20-0b2e-4254-85e2-0ca8ab29360a" providerId="AD" clId="Web-{28B18934-F7F9-F358-35D5-A9E292614463}"/>
    <pc:docChg chg="modSld">
      <pc:chgData name="Jehmel Espiritu" userId="S::jehmel.espiritu01@student.csulb.edu::7d1c0f20-0b2e-4254-85e2-0ca8ab29360a" providerId="AD" clId="Web-{28B18934-F7F9-F358-35D5-A9E292614463}" dt="2024-10-06T19:47:59.740" v="194" actId="20577"/>
      <pc:docMkLst>
        <pc:docMk/>
      </pc:docMkLst>
      <pc:sldChg chg="modSp">
        <pc:chgData name="Jehmel Espiritu" userId="S::jehmel.espiritu01@student.csulb.edu::7d1c0f20-0b2e-4254-85e2-0ca8ab29360a" providerId="AD" clId="Web-{28B18934-F7F9-F358-35D5-A9E292614463}" dt="2024-10-06T19:47:59.740" v="194" actId="20577"/>
        <pc:sldMkLst>
          <pc:docMk/>
          <pc:sldMk cId="2018400078" sldId="295"/>
        </pc:sldMkLst>
        <pc:spChg chg="mod">
          <ac:chgData name="Jehmel Espiritu" userId="S::jehmel.espiritu01@student.csulb.edu::7d1c0f20-0b2e-4254-85e2-0ca8ab29360a" providerId="AD" clId="Web-{28B18934-F7F9-F358-35D5-A9E292614463}" dt="2024-10-06T19:47:59.740" v="194" actId="20577"/>
          <ac:spMkLst>
            <pc:docMk/>
            <pc:sldMk cId="2018400078" sldId="295"/>
            <ac:spMk id="18" creationId="{2EB73874-7BA0-6F9E-2EED-865DA325D8FD}"/>
          </ac:spMkLst>
        </pc:spChg>
        <pc:spChg chg="mod">
          <ac:chgData name="Jehmel Espiritu" userId="S::jehmel.espiritu01@student.csulb.edu::7d1c0f20-0b2e-4254-85e2-0ca8ab29360a" providerId="AD" clId="Web-{28B18934-F7F9-F358-35D5-A9E292614463}" dt="2024-10-06T19:47:36.771" v="189" actId="20577"/>
          <ac:spMkLst>
            <pc:docMk/>
            <pc:sldMk cId="2018400078" sldId="295"/>
            <ac:spMk id="24" creationId="{FBFA847B-2CA0-417A-D7E9-1369EAA2FB11}"/>
          </ac:spMkLst>
        </pc:spChg>
      </pc:sldChg>
    </pc:docChg>
  </pc:docChgLst>
  <pc:docChgLst>
    <pc:chgData name="Jonathan Cerniaz" userId="S::jonathan.cerniaz01@student.csulb.edu::3b628a21-462a-4b55-bac2-0c5dbb20dd63" providerId="AD" clId="Web-{F173EDB0-5338-81B8-AEF5-E5800B2A6A25}"/>
    <pc:docChg chg="delSld modSld sldOrd">
      <pc:chgData name="Jonathan Cerniaz" userId="S::jonathan.cerniaz01@student.csulb.edu::3b628a21-462a-4b55-bac2-0c5dbb20dd63" providerId="AD" clId="Web-{F173EDB0-5338-81B8-AEF5-E5800B2A6A25}" dt="2024-10-05T00:13:26.591" v="58" actId="20577"/>
      <pc:docMkLst>
        <pc:docMk/>
      </pc:docMkLst>
      <pc:sldChg chg="modSp">
        <pc:chgData name="Jonathan Cerniaz" userId="S::jonathan.cerniaz01@student.csulb.edu::3b628a21-462a-4b55-bac2-0c5dbb20dd63" providerId="AD" clId="Web-{F173EDB0-5338-81B8-AEF5-E5800B2A6A25}" dt="2024-10-04T22:45:13.529" v="19" actId="20577"/>
        <pc:sldMkLst>
          <pc:docMk/>
          <pc:sldMk cId="2586058810" sldId="256"/>
        </pc:sldMkLst>
        <pc:spChg chg="mod">
          <ac:chgData name="Jonathan Cerniaz" userId="S::jonathan.cerniaz01@student.csulb.edu::3b628a21-462a-4b55-bac2-0c5dbb20dd63" providerId="AD" clId="Web-{F173EDB0-5338-81B8-AEF5-E5800B2A6A25}" dt="2024-10-04T22:45:13.529" v="19" actId="20577"/>
          <ac:spMkLst>
            <pc:docMk/>
            <pc:sldMk cId="2586058810" sldId="256"/>
            <ac:spMk id="2" creationId="{CFE75451-6A4B-484B-9ED1-353CCE25B0F4}"/>
          </ac:spMkLst>
        </pc:spChg>
      </pc:sldChg>
      <pc:sldChg chg="ord">
        <pc:chgData name="Jonathan Cerniaz" userId="S::jonathan.cerniaz01@student.csulb.edu::3b628a21-462a-4b55-bac2-0c5dbb20dd63" providerId="AD" clId="Web-{F173EDB0-5338-81B8-AEF5-E5800B2A6A25}" dt="2024-10-04T22:56:21.382" v="20"/>
        <pc:sldMkLst>
          <pc:docMk/>
          <pc:sldMk cId="2241459136" sldId="279"/>
        </pc:sldMkLst>
      </pc:sldChg>
      <pc:sldChg chg="delSp modSp">
        <pc:chgData name="Jonathan Cerniaz" userId="S::jonathan.cerniaz01@student.csulb.edu::3b628a21-462a-4b55-bac2-0c5dbb20dd63" providerId="AD" clId="Web-{F173EDB0-5338-81B8-AEF5-E5800B2A6A25}" dt="2024-10-05T00:13:26.591" v="58" actId="20577"/>
        <pc:sldMkLst>
          <pc:docMk/>
          <pc:sldMk cId="212836177" sldId="289"/>
        </pc:sldMkLst>
        <pc:spChg chg="del mod">
          <ac:chgData name="Jonathan Cerniaz" userId="S::jonathan.cerniaz01@student.csulb.edu::3b628a21-462a-4b55-bac2-0c5dbb20dd63" providerId="AD" clId="Web-{F173EDB0-5338-81B8-AEF5-E5800B2A6A25}" dt="2024-10-05T00:04:24.068" v="25"/>
          <ac:spMkLst>
            <pc:docMk/>
            <pc:sldMk cId="212836177" sldId="289"/>
            <ac:spMk id="12" creationId="{003D74B7-1A93-D193-67D7-51D44586613E}"/>
          </ac:spMkLst>
        </pc:spChg>
        <pc:spChg chg="mod">
          <ac:chgData name="Jonathan Cerniaz" userId="S::jonathan.cerniaz01@student.csulb.edu::3b628a21-462a-4b55-bac2-0c5dbb20dd63" providerId="AD" clId="Web-{F173EDB0-5338-81B8-AEF5-E5800B2A6A25}" dt="2024-10-05T00:13:26.591" v="58" actId="20577"/>
          <ac:spMkLst>
            <pc:docMk/>
            <pc:sldMk cId="212836177" sldId="289"/>
            <ac:spMk id="14" creationId="{A5DA1B6D-9A93-A065-D7C5-3E82D790824A}"/>
          </ac:spMkLst>
        </pc:spChg>
      </pc:sldChg>
      <pc:sldChg chg="del">
        <pc:chgData name="Jonathan Cerniaz" userId="S::jonathan.cerniaz01@student.csulb.edu::3b628a21-462a-4b55-bac2-0c5dbb20dd63" providerId="AD" clId="Web-{F173EDB0-5338-81B8-AEF5-E5800B2A6A25}" dt="2024-10-04T23:51:13.715" v="21"/>
        <pc:sldMkLst>
          <pc:docMk/>
          <pc:sldMk cId="2341963030" sldId="290"/>
        </pc:sldMkLst>
      </pc:sldChg>
      <pc:sldChg chg="modSp">
        <pc:chgData name="Jonathan Cerniaz" userId="S::jonathan.cerniaz01@student.csulb.edu::3b628a21-462a-4b55-bac2-0c5dbb20dd63" providerId="AD" clId="Web-{F173EDB0-5338-81B8-AEF5-E5800B2A6A25}" dt="2024-10-04T22:44:32.729" v="11" actId="20577"/>
        <pc:sldMkLst>
          <pc:docMk/>
          <pc:sldMk cId="2804879295" sldId="291"/>
        </pc:sldMkLst>
        <pc:spChg chg="mod">
          <ac:chgData name="Jonathan Cerniaz" userId="S::jonathan.cerniaz01@student.csulb.edu::3b628a21-462a-4b55-bac2-0c5dbb20dd63" providerId="AD" clId="Web-{F173EDB0-5338-81B8-AEF5-E5800B2A6A25}" dt="2024-10-04T22:44:32.729" v="11" actId="20577"/>
          <ac:spMkLst>
            <pc:docMk/>
            <pc:sldMk cId="2804879295" sldId="291"/>
            <ac:spMk id="3" creationId="{92D3CC64-4176-3513-6CC1-441921739CF8}"/>
          </ac:spMkLst>
        </pc:spChg>
      </pc:sldChg>
    </pc:docChg>
  </pc:docChgLst>
  <pc:docChgLst>
    <pc:chgData name="Jonathan Cerniaz" userId="S::jonathan.cerniaz01@student.csulb.edu::3b628a21-462a-4b55-bac2-0c5dbb20dd63" providerId="AD" clId="Web-{A3861407-98D3-70EA-F94C-6E7C6FA45A8F}"/>
    <pc:docChg chg="modSld">
      <pc:chgData name="Jonathan Cerniaz" userId="S::jonathan.cerniaz01@student.csulb.edu::3b628a21-462a-4b55-bac2-0c5dbb20dd63" providerId="AD" clId="Web-{A3861407-98D3-70EA-F94C-6E7C6FA45A8F}" dt="2024-10-07T00:01:19.181" v="13"/>
      <pc:docMkLst>
        <pc:docMk/>
      </pc:docMkLst>
      <pc:sldChg chg="modSp">
        <pc:chgData name="Jonathan Cerniaz" userId="S::jonathan.cerniaz01@student.csulb.edu::3b628a21-462a-4b55-bac2-0c5dbb20dd63" providerId="AD" clId="Web-{A3861407-98D3-70EA-F94C-6E7C6FA45A8F}" dt="2024-10-06T23:59:34.252" v="5" actId="1076"/>
        <pc:sldMkLst>
          <pc:docMk/>
          <pc:sldMk cId="1658164610" sldId="283"/>
        </pc:sldMkLst>
        <pc:picChg chg="mod">
          <ac:chgData name="Jonathan Cerniaz" userId="S::jonathan.cerniaz01@student.csulb.edu::3b628a21-462a-4b55-bac2-0c5dbb20dd63" providerId="AD" clId="Web-{A3861407-98D3-70EA-F94C-6E7C6FA45A8F}" dt="2024-10-06T23:59:34.252" v="5" actId="1076"/>
          <ac:picMkLst>
            <pc:docMk/>
            <pc:sldMk cId="1658164610" sldId="283"/>
            <ac:picMk id="4" creationId="{E7D0A57C-0CBB-C96F-31E4-3C07951FA91A}"/>
          </ac:picMkLst>
        </pc:picChg>
      </pc:sldChg>
      <pc:sldChg chg="delSp modSp">
        <pc:chgData name="Jonathan Cerniaz" userId="S::jonathan.cerniaz01@student.csulb.edu::3b628a21-462a-4b55-bac2-0c5dbb20dd63" providerId="AD" clId="Web-{A3861407-98D3-70EA-F94C-6E7C6FA45A8F}" dt="2024-10-07T00:01:19.181" v="13"/>
        <pc:sldMkLst>
          <pc:docMk/>
          <pc:sldMk cId="2791821786" sldId="285"/>
        </pc:sldMkLst>
        <pc:spChg chg="del mod">
          <ac:chgData name="Jonathan Cerniaz" userId="S::jonathan.cerniaz01@student.csulb.edu::3b628a21-462a-4b55-bac2-0c5dbb20dd63" providerId="AD" clId="Web-{A3861407-98D3-70EA-F94C-6E7C6FA45A8F}" dt="2024-10-07T00:01:19.181" v="13"/>
          <ac:spMkLst>
            <pc:docMk/>
            <pc:sldMk cId="2791821786" sldId="285"/>
            <ac:spMk id="2" creationId="{A8763BF2-10D3-015B-A424-0482961378DF}"/>
          </ac:spMkLst>
        </pc:spChg>
      </pc:sldChg>
      <pc:sldChg chg="modSp">
        <pc:chgData name="Jonathan Cerniaz" userId="S::jonathan.cerniaz01@student.csulb.edu::3b628a21-462a-4b55-bac2-0c5dbb20dd63" providerId="AD" clId="Web-{A3861407-98D3-70EA-F94C-6E7C6FA45A8F}" dt="2024-10-07T00:00:39.712" v="10" actId="20577"/>
        <pc:sldMkLst>
          <pc:docMk/>
          <pc:sldMk cId="2018400078" sldId="295"/>
        </pc:sldMkLst>
        <pc:spChg chg="mod">
          <ac:chgData name="Jonathan Cerniaz" userId="S::jonathan.cerniaz01@student.csulb.edu::3b628a21-462a-4b55-bac2-0c5dbb20dd63" providerId="AD" clId="Web-{A3861407-98D3-70EA-F94C-6E7C6FA45A8F}" dt="2024-10-07T00:00:39.712" v="10" actId="20577"/>
          <ac:spMkLst>
            <pc:docMk/>
            <pc:sldMk cId="2018400078" sldId="295"/>
            <ac:spMk id="18" creationId="{2EB73874-7BA0-6F9E-2EED-865DA325D8FD}"/>
          </ac:spMkLst>
        </pc:spChg>
      </pc:sldChg>
    </pc:docChg>
  </pc:docChgLst>
  <pc:docChgLst>
    <pc:chgData name="Jeremy Espiritu" userId="S::jeremy.espiritu01@student.csulb.edu::3ddd224a-0f79-4347-b29a-3363c0b2c8d6" providerId="AD" clId="Web-{FE7B6935-151A-5D41-FF2A-8262602B931A}"/>
    <pc:docChg chg="addSld modSld">
      <pc:chgData name="Jeremy Espiritu" userId="S::jeremy.espiritu01@student.csulb.edu::3ddd224a-0f79-4347-b29a-3363c0b2c8d6" providerId="AD" clId="Web-{FE7B6935-151A-5D41-FF2A-8262602B931A}" dt="2024-10-07T08:32:02.487" v="75" actId="20577"/>
      <pc:docMkLst>
        <pc:docMk/>
      </pc:docMkLst>
      <pc:sldChg chg="modSp">
        <pc:chgData name="Jeremy Espiritu" userId="S::jeremy.espiritu01@student.csulb.edu::3ddd224a-0f79-4347-b29a-3363c0b2c8d6" providerId="AD" clId="Web-{FE7B6935-151A-5D41-FF2A-8262602B931A}" dt="2024-10-07T08:29:55.787" v="32" actId="20577"/>
        <pc:sldMkLst>
          <pc:docMk/>
          <pc:sldMk cId="1056707939" sldId="288"/>
        </pc:sldMkLst>
        <pc:spChg chg="mod">
          <ac:chgData name="Jeremy Espiritu" userId="S::jeremy.espiritu01@student.csulb.edu::3ddd224a-0f79-4347-b29a-3363c0b2c8d6" providerId="AD" clId="Web-{FE7B6935-151A-5D41-FF2A-8262602B931A}" dt="2024-10-07T08:29:55.787" v="32" actId="20577"/>
          <ac:spMkLst>
            <pc:docMk/>
            <pc:sldMk cId="1056707939" sldId="288"/>
            <ac:spMk id="3" creationId="{B75EAB48-EB0F-5D56-211F-555FFEEDBA4E}"/>
          </ac:spMkLst>
        </pc:spChg>
      </pc:sldChg>
      <pc:sldChg chg="modSp add replId">
        <pc:chgData name="Jeremy Espiritu" userId="S::jeremy.espiritu01@student.csulb.edu::3ddd224a-0f79-4347-b29a-3363c0b2c8d6" providerId="AD" clId="Web-{FE7B6935-151A-5D41-FF2A-8262602B931A}" dt="2024-10-07T08:32:02.487" v="75" actId="20577"/>
        <pc:sldMkLst>
          <pc:docMk/>
          <pc:sldMk cId="2155330410" sldId="299"/>
        </pc:sldMkLst>
        <pc:spChg chg="mod">
          <ac:chgData name="Jeremy Espiritu" userId="S::jeremy.espiritu01@student.csulb.edu::3ddd224a-0f79-4347-b29a-3363c0b2c8d6" providerId="AD" clId="Web-{FE7B6935-151A-5D41-FF2A-8262602B931A}" dt="2024-10-07T08:32:02.487" v="75" actId="20577"/>
          <ac:spMkLst>
            <pc:docMk/>
            <pc:sldMk cId="2155330410" sldId="299"/>
            <ac:spMk id="3" creationId="{B75EAB48-EB0F-5D56-211F-555FFEEDBA4E}"/>
          </ac:spMkLst>
        </pc:spChg>
      </pc:sldChg>
    </pc:docChg>
  </pc:docChgLst>
  <pc:docChgLst>
    <pc:chgData name="Joseph Guzman" userId="S::joseph.guzman@student.csulb.edu::17ccc4ac-b72a-4c03-9511-790abe281be7" providerId="AD" clId="Web-{A0B4C097-6AFB-7D05-1D90-243D0309F20D}"/>
    <pc:docChg chg="modSld">
      <pc:chgData name="Joseph Guzman" userId="S::joseph.guzman@student.csulb.edu::17ccc4ac-b72a-4c03-9511-790abe281be7" providerId="AD" clId="Web-{A0B4C097-6AFB-7D05-1D90-243D0309F20D}" dt="2024-10-07T18:18:31.146" v="92" actId="20577"/>
      <pc:docMkLst>
        <pc:docMk/>
      </pc:docMkLst>
      <pc:sldChg chg="addSp delSp modSp mod modClrScheme chgLayout">
        <pc:chgData name="Joseph Guzman" userId="S::joseph.guzman@student.csulb.edu::17ccc4ac-b72a-4c03-9511-790abe281be7" providerId="AD" clId="Web-{A0B4C097-6AFB-7D05-1D90-243D0309F20D}" dt="2024-10-07T18:18:31.146" v="92" actId="20577"/>
        <pc:sldMkLst>
          <pc:docMk/>
          <pc:sldMk cId="1056707939" sldId="288"/>
        </pc:sldMkLst>
        <pc:spChg chg="mod">
          <ac:chgData name="Joseph Guzman" userId="S::joseph.guzman@student.csulb.edu::17ccc4ac-b72a-4c03-9511-790abe281be7" providerId="AD" clId="Web-{A0B4C097-6AFB-7D05-1D90-243D0309F20D}" dt="2024-10-07T18:18:31.146" v="92" actId="20577"/>
          <ac:spMkLst>
            <pc:docMk/>
            <pc:sldMk cId="1056707939" sldId="288"/>
            <ac:spMk id="3" creationId="{B75EAB48-EB0F-5D56-211F-555FFEEDBA4E}"/>
          </ac:spMkLst>
        </pc:spChg>
        <pc:spChg chg="add del mod ord">
          <ac:chgData name="Joseph Guzman" userId="S::joseph.guzman@student.csulb.edu::17ccc4ac-b72a-4c03-9511-790abe281be7" providerId="AD" clId="Web-{A0B4C097-6AFB-7D05-1D90-243D0309F20D}" dt="2024-10-07T18:11:30.795" v="1"/>
          <ac:spMkLst>
            <pc:docMk/>
            <pc:sldMk cId="1056707939" sldId="288"/>
            <ac:spMk id="5" creationId="{C1BC6888-1F4B-A01A-88A6-D9BD01B5A619}"/>
          </ac:spMkLst>
        </pc:spChg>
        <pc:spChg chg="add del mod ord">
          <ac:chgData name="Joseph Guzman" userId="S::joseph.guzman@student.csulb.edu::17ccc4ac-b72a-4c03-9511-790abe281be7" providerId="AD" clId="Web-{A0B4C097-6AFB-7D05-1D90-243D0309F20D}" dt="2024-10-07T18:11:30.795" v="1"/>
          <ac:spMkLst>
            <pc:docMk/>
            <pc:sldMk cId="1056707939" sldId="288"/>
            <ac:spMk id="6" creationId="{AAD3BFDC-AEEE-3C2C-2B8A-6A018BF75CDB}"/>
          </ac:spMkLst>
        </pc:spChg>
        <pc:spChg chg="add del mod ord">
          <ac:chgData name="Joseph Guzman" userId="S::joseph.guzman@student.csulb.edu::17ccc4ac-b72a-4c03-9511-790abe281be7" providerId="AD" clId="Web-{A0B4C097-6AFB-7D05-1D90-243D0309F20D}" dt="2024-10-07T18:12:30.593" v="3"/>
          <ac:spMkLst>
            <pc:docMk/>
            <pc:sldMk cId="1056707939" sldId="288"/>
            <ac:spMk id="7" creationId="{917D605B-600C-6E7C-D3C3-C1EE066E1D10}"/>
          </ac:spMkLst>
        </pc:spChg>
        <pc:spChg chg="add del mod ord">
          <ac:chgData name="Joseph Guzman" userId="S::joseph.guzman@student.csulb.edu::17ccc4ac-b72a-4c03-9511-790abe281be7" providerId="AD" clId="Web-{A0B4C097-6AFB-7D05-1D90-243D0309F20D}" dt="2024-10-07T18:12:33.327" v="4"/>
          <ac:spMkLst>
            <pc:docMk/>
            <pc:sldMk cId="1056707939" sldId="288"/>
            <ac:spMk id="8" creationId="{D97E8919-DCBF-0E3F-AA61-5B890EFE404C}"/>
          </ac:spMkLst>
        </pc:spChg>
        <pc:spChg chg="del">
          <ac:chgData name="Joseph Guzman" userId="S::joseph.guzman@student.csulb.edu::17ccc4ac-b72a-4c03-9511-790abe281be7" providerId="AD" clId="Web-{A0B4C097-6AFB-7D05-1D90-243D0309F20D}" dt="2024-10-07T18:13:17.922" v="8"/>
          <ac:spMkLst>
            <pc:docMk/>
            <pc:sldMk cId="1056707939" sldId="288"/>
            <ac:spMk id="10" creationId="{CA477F26-1BD1-9142-CD05-05600B4A1E87}"/>
          </ac:spMkLst>
        </pc:spChg>
        <pc:spChg chg="add mod">
          <ac:chgData name="Joseph Guzman" userId="S::joseph.guzman@student.csulb.edu::17ccc4ac-b72a-4c03-9511-790abe281be7" providerId="AD" clId="Web-{A0B4C097-6AFB-7D05-1D90-243D0309F20D}" dt="2024-10-07T18:13:39.782" v="22" actId="20577"/>
          <ac:spMkLst>
            <pc:docMk/>
            <pc:sldMk cId="1056707939" sldId="288"/>
            <ac:spMk id="11" creationId="{12C6ED02-9EF1-9AF7-F8D6-0C2AEBA73E67}"/>
          </ac:spMkLst>
        </pc:spChg>
      </pc:sldChg>
      <pc:sldChg chg="addSp delSp modSp mod modClrScheme chgLayout">
        <pc:chgData name="Joseph Guzman" userId="S::joseph.guzman@student.csulb.edu::17ccc4ac-b72a-4c03-9511-790abe281be7" providerId="AD" clId="Web-{A0B4C097-6AFB-7D05-1D90-243D0309F20D}" dt="2024-10-07T18:17:24.317" v="70" actId="20577"/>
        <pc:sldMkLst>
          <pc:docMk/>
          <pc:sldMk cId="2155330410" sldId="299"/>
        </pc:sldMkLst>
        <pc:spChg chg="mod">
          <ac:chgData name="Joseph Guzman" userId="S::joseph.guzman@student.csulb.edu::17ccc4ac-b72a-4c03-9511-790abe281be7" providerId="AD" clId="Web-{A0B4C097-6AFB-7D05-1D90-243D0309F20D}" dt="2024-10-07T18:17:24.317" v="70" actId="20577"/>
          <ac:spMkLst>
            <pc:docMk/>
            <pc:sldMk cId="2155330410" sldId="299"/>
            <ac:spMk id="3" creationId="{B75EAB48-EB0F-5D56-211F-555FFEEDBA4E}"/>
          </ac:spMkLst>
        </pc:spChg>
        <pc:spChg chg="add del mod">
          <ac:chgData name="Joseph Guzman" userId="S::joseph.guzman@student.csulb.edu::17ccc4ac-b72a-4c03-9511-790abe281be7" providerId="AD" clId="Web-{A0B4C097-6AFB-7D05-1D90-243D0309F20D}" dt="2024-10-07T18:13:49.344" v="26"/>
          <ac:spMkLst>
            <pc:docMk/>
            <pc:sldMk cId="2155330410" sldId="299"/>
            <ac:spMk id="5" creationId="{1CCBDD68-D274-7206-6192-497FC120D396}"/>
          </ac:spMkLst>
        </pc:spChg>
        <pc:spChg chg="add del mod ord">
          <ac:chgData name="Joseph Guzman" userId="S::joseph.guzman@student.csulb.edu::17ccc4ac-b72a-4c03-9511-790abe281be7" providerId="AD" clId="Web-{A0B4C097-6AFB-7D05-1D90-243D0309F20D}" dt="2024-10-07T18:14:07.813" v="29"/>
          <ac:spMkLst>
            <pc:docMk/>
            <pc:sldMk cId="2155330410" sldId="299"/>
            <ac:spMk id="6" creationId="{E7D3EE2B-CBB3-580C-297F-2643CD9B3BCA}"/>
          </ac:spMkLst>
        </pc:spChg>
        <pc:spChg chg="add del mod ord">
          <ac:chgData name="Joseph Guzman" userId="S::joseph.guzman@student.csulb.edu::17ccc4ac-b72a-4c03-9511-790abe281be7" providerId="AD" clId="Web-{A0B4C097-6AFB-7D05-1D90-243D0309F20D}" dt="2024-10-07T18:14:05.407" v="28"/>
          <ac:spMkLst>
            <pc:docMk/>
            <pc:sldMk cId="2155330410" sldId="299"/>
            <ac:spMk id="7" creationId="{6F2A7A45-D89A-8235-5BE8-5495DA7E5CB8}"/>
          </ac:spMkLst>
        </pc:spChg>
        <pc:spChg chg="add">
          <ac:chgData name="Joseph Guzman" userId="S::joseph.guzman@student.csulb.edu::17ccc4ac-b72a-4c03-9511-790abe281be7" providerId="AD" clId="Web-{A0B4C097-6AFB-7D05-1D90-243D0309F20D}" dt="2024-10-07T18:14:15.454" v="30"/>
          <ac:spMkLst>
            <pc:docMk/>
            <pc:sldMk cId="2155330410" sldId="299"/>
            <ac:spMk id="9" creationId="{ADBFDF35-AD0A-2EE5-46C1-A3772D3382B7}"/>
          </ac:spMkLst>
        </pc:spChg>
        <pc:spChg chg="del">
          <ac:chgData name="Joseph Guzman" userId="S::joseph.guzman@student.csulb.edu::17ccc4ac-b72a-4c03-9511-790abe281be7" providerId="AD" clId="Web-{A0B4C097-6AFB-7D05-1D90-243D0309F20D}" dt="2024-10-07T18:14:18.782" v="31"/>
          <ac:spMkLst>
            <pc:docMk/>
            <pc:sldMk cId="2155330410" sldId="299"/>
            <ac:spMk id="10" creationId="{CA477F26-1BD1-9142-CD05-05600B4A1E87}"/>
          </ac:spMkLst>
        </pc:spChg>
      </pc:sldChg>
    </pc:docChg>
  </pc:docChgLst>
  <pc:docChgLst>
    <pc:chgData name="Joseph Guzman" userId="S::joseph.guzman@student.csulb.edu::17ccc4ac-b72a-4c03-9511-790abe281be7" providerId="AD" clId="Web-{2D9E126A-0DF3-97D1-8BD0-43D61427699C}"/>
    <pc:docChg chg="modSld">
      <pc:chgData name="Joseph Guzman" userId="S::joseph.guzman@student.csulb.edu::17ccc4ac-b72a-4c03-9511-790abe281be7" providerId="AD" clId="Web-{2D9E126A-0DF3-97D1-8BD0-43D61427699C}" dt="2024-10-07T21:36:24.718" v="359" actId="20577"/>
      <pc:docMkLst>
        <pc:docMk/>
      </pc:docMkLst>
      <pc:sldChg chg="modSp">
        <pc:chgData name="Joseph Guzman" userId="S::joseph.guzman@student.csulb.edu::17ccc4ac-b72a-4c03-9511-790abe281be7" providerId="AD" clId="Web-{2D9E126A-0DF3-97D1-8BD0-43D61427699C}" dt="2024-10-07T21:36:24.718" v="359" actId="20577"/>
        <pc:sldMkLst>
          <pc:docMk/>
          <pc:sldMk cId="2241459136" sldId="279"/>
        </pc:sldMkLst>
        <pc:spChg chg="mod">
          <ac:chgData name="Joseph Guzman" userId="S::joseph.guzman@student.csulb.edu::17ccc4ac-b72a-4c03-9511-790abe281be7" providerId="AD" clId="Web-{2D9E126A-0DF3-97D1-8BD0-43D61427699C}" dt="2024-10-07T21:36:24.718" v="359" actId="20577"/>
          <ac:spMkLst>
            <pc:docMk/>
            <pc:sldMk cId="2241459136" sldId="279"/>
            <ac:spMk id="19" creationId="{6BFE5DD5-846D-0BA9-3FDB-115ACAB56339}"/>
          </ac:spMkLst>
        </pc:spChg>
      </pc:sldChg>
    </pc:docChg>
  </pc:docChgLst>
  <pc:docChgLst>
    <pc:chgData name="Joseph Guzman" userId="S::joseph.guzman@student.csulb.edu::17ccc4ac-b72a-4c03-9511-790abe281be7" providerId="AD" clId="Web-{D87C50A9-FB99-567A-0FC0-28B81903CCE4}"/>
    <pc:docChg chg="addSld delSld modSld sldOrd">
      <pc:chgData name="Joseph Guzman" userId="S::joseph.guzman@student.csulb.edu::17ccc4ac-b72a-4c03-9511-790abe281be7" providerId="AD" clId="Web-{D87C50A9-FB99-567A-0FC0-28B81903CCE4}" dt="2024-10-04T03:05:17.770" v="186"/>
      <pc:docMkLst>
        <pc:docMk/>
      </pc:docMkLst>
      <pc:sldChg chg="modSp">
        <pc:chgData name="Joseph Guzman" userId="S::joseph.guzman@student.csulb.edu::17ccc4ac-b72a-4c03-9511-790abe281be7" providerId="AD" clId="Web-{D87C50A9-FB99-567A-0FC0-28B81903CCE4}" dt="2024-10-04T02:58:47.791" v="184" actId="20577"/>
        <pc:sldMkLst>
          <pc:docMk/>
          <pc:sldMk cId="2898855606" sldId="287"/>
        </pc:sldMkLst>
        <pc:spChg chg="mod">
          <ac:chgData name="Joseph Guzman" userId="S::joseph.guzman@student.csulb.edu::17ccc4ac-b72a-4c03-9511-790abe281be7" providerId="AD" clId="Web-{D87C50A9-FB99-567A-0FC0-28B81903CCE4}" dt="2024-10-04T02:43:46.373" v="125" actId="1076"/>
          <ac:spMkLst>
            <pc:docMk/>
            <pc:sldMk cId="2898855606" sldId="287"/>
            <ac:spMk id="2" creationId="{A95E2E6A-35EC-1B8E-0FD7-8C67870ACA64}"/>
          </ac:spMkLst>
        </pc:spChg>
        <pc:spChg chg="mod">
          <ac:chgData name="Joseph Guzman" userId="S::joseph.guzman@student.csulb.edu::17ccc4ac-b72a-4c03-9511-790abe281be7" providerId="AD" clId="Web-{D87C50A9-FB99-567A-0FC0-28B81903CCE4}" dt="2024-10-04T02:43:04.075" v="113" actId="1076"/>
          <ac:spMkLst>
            <pc:docMk/>
            <pc:sldMk cId="2898855606" sldId="287"/>
            <ac:spMk id="12" creationId="{554B61B9-26F6-B304-92CD-03053DAAF2A8}"/>
          </ac:spMkLst>
        </pc:spChg>
        <pc:spChg chg="mod">
          <ac:chgData name="Joseph Guzman" userId="S::joseph.guzman@student.csulb.edu::17ccc4ac-b72a-4c03-9511-790abe281be7" providerId="AD" clId="Web-{D87C50A9-FB99-567A-0FC0-28B81903CCE4}" dt="2024-10-04T02:43:17.076" v="116" actId="1076"/>
          <ac:spMkLst>
            <pc:docMk/>
            <pc:sldMk cId="2898855606" sldId="287"/>
            <ac:spMk id="14" creationId="{CB9F9E8B-42CD-AC26-AFC9-F1F66695693B}"/>
          </ac:spMkLst>
        </pc:spChg>
        <pc:spChg chg="mod">
          <ac:chgData name="Joseph Guzman" userId="S::joseph.guzman@student.csulb.edu::17ccc4ac-b72a-4c03-9511-790abe281be7" providerId="AD" clId="Web-{D87C50A9-FB99-567A-0FC0-28B81903CCE4}" dt="2024-10-04T02:42:57.481" v="112" actId="1076"/>
          <ac:spMkLst>
            <pc:docMk/>
            <pc:sldMk cId="2898855606" sldId="287"/>
            <ac:spMk id="35" creationId="{EDBE6233-75E9-40D1-968F-58CA9AD0FF50}"/>
          </ac:spMkLst>
        </pc:spChg>
        <pc:spChg chg="mod">
          <ac:chgData name="Joseph Guzman" userId="S::joseph.guzman@student.csulb.edu::17ccc4ac-b72a-4c03-9511-790abe281be7" providerId="AD" clId="Web-{D87C50A9-FB99-567A-0FC0-28B81903CCE4}" dt="2024-10-04T02:58:47.791" v="184" actId="20577"/>
          <ac:spMkLst>
            <pc:docMk/>
            <pc:sldMk cId="2898855606" sldId="287"/>
            <ac:spMk id="50" creationId="{8F6B2AE9-DDE4-FD99-A235-3B39EEE21481}"/>
          </ac:spMkLst>
        </pc:spChg>
      </pc:sldChg>
      <pc:sldChg chg="new del">
        <pc:chgData name="Joseph Guzman" userId="S::joseph.guzman@student.csulb.edu::17ccc4ac-b72a-4c03-9511-790abe281be7" providerId="AD" clId="Web-{D87C50A9-FB99-567A-0FC0-28B81903CCE4}" dt="2024-10-04T03:05:17.770" v="186"/>
        <pc:sldMkLst>
          <pc:docMk/>
          <pc:sldMk cId="2709966274" sldId="290"/>
        </pc:sldMkLst>
      </pc:sldChg>
    </pc:docChg>
  </pc:docChgLst>
  <pc:docChgLst>
    <pc:chgData name="Jeremy Espiritu" userId="S::jeremy.espiritu01@student.csulb.edu::3ddd224a-0f79-4347-b29a-3363c0b2c8d6" providerId="AD" clId="Web-{595C1F5E-F411-C1F3-A256-2DC593998681}"/>
    <pc:docChg chg="modSld">
      <pc:chgData name="Jeremy Espiritu" userId="S::jeremy.espiritu01@student.csulb.edu::3ddd224a-0f79-4347-b29a-3363c0b2c8d6" providerId="AD" clId="Web-{595C1F5E-F411-C1F3-A256-2DC593998681}" dt="2024-10-07T08:21:44.573" v="42" actId="20577"/>
      <pc:docMkLst>
        <pc:docMk/>
      </pc:docMkLst>
      <pc:sldChg chg="modSp">
        <pc:chgData name="Jeremy Espiritu" userId="S::jeremy.espiritu01@student.csulb.edu::3ddd224a-0f79-4347-b29a-3363c0b2c8d6" providerId="AD" clId="Web-{595C1F5E-F411-C1F3-A256-2DC593998681}" dt="2024-10-07T08:21:44.573" v="42" actId="20577"/>
        <pc:sldMkLst>
          <pc:docMk/>
          <pc:sldMk cId="1056707939" sldId="288"/>
        </pc:sldMkLst>
        <pc:spChg chg="mod">
          <ac:chgData name="Jeremy Espiritu" userId="S::jeremy.espiritu01@student.csulb.edu::3ddd224a-0f79-4347-b29a-3363c0b2c8d6" providerId="AD" clId="Web-{595C1F5E-F411-C1F3-A256-2DC593998681}" dt="2024-10-07T08:21:44.573" v="42" actId="20577"/>
          <ac:spMkLst>
            <pc:docMk/>
            <pc:sldMk cId="1056707939" sldId="288"/>
            <ac:spMk id="3" creationId="{B75EAB48-EB0F-5D56-211F-555FFEEDBA4E}"/>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E7F456E-01A6-4013-ACA5-F5492591A24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484983A3-9B9B-4D61-97C9-B9E239A31598}"/>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B56F32FC-4BD9-442A-A8C6-51598C909FE3}" type="datetimeFigureOut">
              <a:rPr lang="en-US" smtClean="0"/>
              <a:t>10/7/2024</a:t>
            </a:fld>
            <a:endParaRPr lang="en-US"/>
          </a:p>
        </p:txBody>
      </p:sp>
      <p:sp>
        <p:nvSpPr>
          <p:cNvPr id="4" name="Footer Placeholder 3">
            <a:extLst>
              <a:ext uri="{FF2B5EF4-FFF2-40B4-BE49-F238E27FC236}">
                <a16:creationId xmlns:a16="http://schemas.microsoft.com/office/drawing/2014/main" id="{5EEABE74-7A97-4D17-8390-42ADD25C33C3}"/>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B42C1DBD-1052-425E-BF3C-983304BED57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8EEFA9E-C190-4F5C-8394-BD5F1CD55C02}" type="slidenum">
              <a:rPr lang="en-US" smtClean="0"/>
              <a:t>‹#›</a:t>
            </a:fld>
            <a:endParaRPr lang="en-US"/>
          </a:p>
        </p:txBody>
      </p:sp>
    </p:spTree>
    <p:extLst>
      <p:ext uri="{BB962C8B-B14F-4D97-AF65-F5344CB8AC3E}">
        <p14:creationId xmlns:p14="http://schemas.microsoft.com/office/powerpoint/2010/main" val="232480191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56371FA-A98D-41E8-93F4-09945841298A}" type="datetimeFigureOut">
              <a:rPr lang="en-US" smtClean="0"/>
              <a:t>10/7/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289C57-55D7-40A4-A101-E74FAC7A092B}" type="slidenum">
              <a:rPr lang="en-US" smtClean="0"/>
              <a:t>‹#›</a:t>
            </a:fld>
            <a:endParaRPr lang="en-US"/>
          </a:p>
        </p:txBody>
      </p:sp>
    </p:spTree>
    <p:extLst>
      <p:ext uri="{BB962C8B-B14F-4D97-AF65-F5344CB8AC3E}">
        <p14:creationId xmlns:p14="http://schemas.microsoft.com/office/powerpoint/2010/main" val="28399023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a:t>
            </a:fld>
            <a:endParaRPr lang="en-US"/>
          </a:p>
        </p:txBody>
      </p:sp>
    </p:spTree>
    <p:extLst>
      <p:ext uri="{BB962C8B-B14F-4D97-AF65-F5344CB8AC3E}">
        <p14:creationId xmlns:p14="http://schemas.microsoft.com/office/powerpoint/2010/main" val="17781288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2</a:t>
            </a:fld>
            <a:endParaRPr lang="en-US"/>
          </a:p>
        </p:txBody>
      </p:sp>
    </p:spTree>
    <p:extLst>
      <p:ext uri="{BB962C8B-B14F-4D97-AF65-F5344CB8AC3E}">
        <p14:creationId xmlns:p14="http://schemas.microsoft.com/office/powerpoint/2010/main" val="37197923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3</a:t>
            </a:fld>
            <a:endParaRPr lang="en-US"/>
          </a:p>
        </p:txBody>
      </p:sp>
    </p:spTree>
    <p:extLst>
      <p:ext uri="{BB962C8B-B14F-4D97-AF65-F5344CB8AC3E}">
        <p14:creationId xmlns:p14="http://schemas.microsoft.com/office/powerpoint/2010/main" val="209032412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5</a:t>
            </a:fld>
            <a:endParaRPr lang="en-US"/>
          </a:p>
        </p:txBody>
      </p:sp>
    </p:spTree>
    <p:extLst>
      <p:ext uri="{BB962C8B-B14F-4D97-AF65-F5344CB8AC3E}">
        <p14:creationId xmlns:p14="http://schemas.microsoft.com/office/powerpoint/2010/main" val="8409867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6</a:t>
            </a:fld>
            <a:endParaRPr lang="en-US"/>
          </a:p>
        </p:txBody>
      </p:sp>
    </p:spTree>
    <p:extLst>
      <p:ext uri="{BB962C8B-B14F-4D97-AF65-F5344CB8AC3E}">
        <p14:creationId xmlns:p14="http://schemas.microsoft.com/office/powerpoint/2010/main" val="9897257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7</a:t>
            </a:fld>
            <a:endParaRPr lang="en-US"/>
          </a:p>
        </p:txBody>
      </p:sp>
    </p:spTree>
    <p:extLst>
      <p:ext uri="{BB962C8B-B14F-4D97-AF65-F5344CB8AC3E}">
        <p14:creationId xmlns:p14="http://schemas.microsoft.com/office/powerpoint/2010/main" val="164828200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8</a:t>
            </a:fld>
            <a:endParaRPr lang="en-US"/>
          </a:p>
        </p:txBody>
      </p:sp>
    </p:spTree>
    <p:extLst>
      <p:ext uri="{BB962C8B-B14F-4D97-AF65-F5344CB8AC3E}">
        <p14:creationId xmlns:p14="http://schemas.microsoft.com/office/powerpoint/2010/main" val="2366593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9</a:t>
            </a:fld>
            <a:endParaRPr lang="en-US"/>
          </a:p>
        </p:txBody>
      </p:sp>
    </p:spTree>
    <p:extLst>
      <p:ext uri="{BB962C8B-B14F-4D97-AF65-F5344CB8AC3E}">
        <p14:creationId xmlns:p14="http://schemas.microsoft.com/office/powerpoint/2010/main" val="14394620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2289C57-55D7-40A4-A101-E74FAC7A092B}" type="slidenum">
              <a:rPr lang="en-US" smtClean="0"/>
              <a:t>13</a:t>
            </a:fld>
            <a:endParaRPr lang="en-US"/>
          </a:p>
        </p:txBody>
      </p:sp>
    </p:spTree>
    <p:extLst>
      <p:ext uri="{BB962C8B-B14F-4D97-AF65-F5344CB8AC3E}">
        <p14:creationId xmlns:p14="http://schemas.microsoft.com/office/powerpoint/2010/main" val="70268381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804406-9FC5-ACFE-893D-D4EADEB1A89D}"/>
              </a:ext>
            </a:extLst>
          </p:cNvPr>
          <p:cNvSpPr>
            <a:spLocks noGrp="1"/>
          </p:cNvSpPr>
          <p:nvPr>
            <p:ph type="ctrTitle"/>
          </p:nvPr>
        </p:nvSpPr>
        <p:spPr>
          <a:xfrm>
            <a:off x="308388" y="745440"/>
            <a:ext cx="8132227" cy="3559859"/>
          </a:xfrm>
        </p:spPr>
        <p:txBody>
          <a:bodyPr anchor="t">
            <a:normAutofit/>
          </a:bodyPr>
          <a:lstStyle>
            <a:lvl1pPr algn="l">
              <a:defRPr sz="5400"/>
            </a:lvl1pPr>
          </a:lstStyle>
          <a:p>
            <a:r>
              <a:rPr lang="en-US"/>
              <a:t>Click to edit Master title style</a:t>
            </a:r>
          </a:p>
        </p:txBody>
      </p:sp>
      <p:sp>
        <p:nvSpPr>
          <p:cNvPr id="3" name="Subtitle 2">
            <a:extLst>
              <a:ext uri="{FF2B5EF4-FFF2-40B4-BE49-F238E27FC236}">
                <a16:creationId xmlns:a16="http://schemas.microsoft.com/office/drawing/2014/main" id="{BC0AF19C-C14B-F137-2DE9-1992459045F5}"/>
              </a:ext>
            </a:extLst>
          </p:cNvPr>
          <p:cNvSpPr>
            <a:spLocks noGrp="1"/>
          </p:cNvSpPr>
          <p:nvPr>
            <p:ph type="subTitle" idx="1"/>
          </p:nvPr>
        </p:nvSpPr>
        <p:spPr>
          <a:xfrm>
            <a:off x="317308" y="4669316"/>
            <a:ext cx="8132227" cy="1350484"/>
          </a:xfrm>
        </p:spPr>
        <p:txBody>
          <a:bodyPr anchor="b">
            <a:normAutofit/>
          </a:bodyPr>
          <a:lstStyle>
            <a:lvl1pPr marL="0" indent="0" algn="l">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7AC6A999-B8D4-1774-9F1B-9F9FE1B3BFA6}"/>
              </a:ext>
            </a:extLst>
          </p:cNvPr>
          <p:cNvSpPr>
            <a:spLocks noGrp="1"/>
          </p:cNvSpPr>
          <p:nvPr>
            <p:ph type="dt" sz="half" idx="10"/>
          </p:nvPr>
        </p:nvSpPr>
        <p:spPr/>
        <p:txBody>
          <a:bodyPr/>
          <a:lstStyle/>
          <a:p>
            <a:fld id="{F2EE3B7B-C7B5-42CF-90CF-67B3D21B2314}" type="datetimeFigureOut">
              <a:rPr lang="en-US" dirty="0"/>
              <a:t>10/7/2024</a:t>
            </a:fld>
            <a:endParaRPr lang="en-US"/>
          </a:p>
        </p:txBody>
      </p:sp>
      <p:sp>
        <p:nvSpPr>
          <p:cNvPr id="5" name="Footer Placeholder 4">
            <a:extLst>
              <a:ext uri="{FF2B5EF4-FFF2-40B4-BE49-F238E27FC236}">
                <a16:creationId xmlns:a16="http://schemas.microsoft.com/office/drawing/2014/main" id="{61165D5D-2AE2-6F91-D1EB-6DD8FC3CE64C}"/>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BF0029E4-3A4E-970A-17A8-1E17D37D1F2B}"/>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1159138"/>
      </p:ext>
    </p:extLst>
  </p:cSld>
  <p:clrMapOvr>
    <a:masterClrMapping/>
  </p:clrMapOvr>
  <p:extLst>
    <p:ext uri="{DCECCB84-F9BA-43D5-87BE-67443E8EF086}">
      <p15:sldGuideLst xmlns:p15="http://schemas.microsoft.com/office/powerpoint/2012/main">
        <p15:guide id="5" orient="horz" pos="2160">
          <p15:clr>
            <a:srgbClr val="FBAE40"/>
          </p15:clr>
        </p15:guide>
        <p15:guide id="6" pos="384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CDEBC-9F49-FA9D-D13C-DB380A6281E2}"/>
              </a:ext>
            </a:extLst>
          </p:cNvPr>
          <p:cNvSpPr>
            <a:spLocks noGrp="1"/>
          </p:cNvSpPr>
          <p:nvPr>
            <p:ph type="title"/>
          </p:nvPr>
        </p:nvSpPr>
        <p:spPr>
          <a:xfrm>
            <a:off x="308387" y="757451"/>
            <a:ext cx="10875953" cy="1214650"/>
          </a:xfrm>
        </p:spPr>
        <p:txBody>
          <a:bodyPr anchor="t"/>
          <a:lstStyle/>
          <a:p>
            <a:r>
              <a:rPr lang="en-US"/>
              <a:t>Click to edit Master title style</a:t>
            </a:r>
          </a:p>
        </p:txBody>
      </p:sp>
      <p:sp>
        <p:nvSpPr>
          <p:cNvPr id="3" name="Vertical Text Placeholder 2">
            <a:extLst>
              <a:ext uri="{FF2B5EF4-FFF2-40B4-BE49-F238E27FC236}">
                <a16:creationId xmlns:a16="http://schemas.microsoft.com/office/drawing/2014/main" id="{BA00CB13-23E6-D711-450C-A85A0CB99576}"/>
              </a:ext>
            </a:extLst>
          </p:cNvPr>
          <p:cNvSpPr>
            <a:spLocks noGrp="1"/>
          </p:cNvSpPr>
          <p:nvPr>
            <p:ph type="body" orient="vert" idx="1"/>
          </p:nvPr>
        </p:nvSpPr>
        <p:spPr>
          <a:xfrm>
            <a:off x="335467" y="1972101"/>
            <a:ext cx="10848873" cy="404769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089BB7B-5C14-76DB-FEA8-3DBC09A96516}"/>
              </a:ext>
            </a:extLst>
          </p:cNvPr>
          <p:cNvSpPr>
            <a:spLocks noGrp="1"/>
          </p:cNvSpPr>
          <p:nvPr>
            <p:ph type="dt" sz="half" idx="10"/>
          </p:nvPr>
        </p:nvSpPr>
        <p:spPr/>
        <p:txBody>
          <a:bodyPr/>
          <a:lstStyle/>
          <a:p>
            <a:fld id="{6BAD9902-F134-45BD-ABD2-80C28059B090}" type="datetimeFigureOut">
              <a:rPr lang="en-US" dirty="0"/>
              <a:t>10/7/2024</a:t>
            </a:fld>
            <a:endParaRPr lang="en-US"/>
          </a:p>
        </p:txBody>
      </p:sp>
      <p:sp>
        <p:nvSpPr>
          <p:cNvPr id="5" name="Footer Placeholder 4">
            <a:extLst>
              <a:ext uri="{FF2B5EF4-FFF2-40B4-BE49-F238E27FC236}">
                <a16:creationId xmlns:a16="http://schemas.microsoft.com/office/drawing/2014/main" id="{48BC13CC-29B3-9FDC-C746-D5D65CC2A5D3}"/>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9AB52A12-895F-E9BE-5289-4E0411BD3F4B}"/>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37419149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DCA17614-2270-537D-8B09-6CB65016AD8F}"/>
              </a:ext>
            </a:extLst>
          </p:cNvPr>
          <p:cNvSpPr>
            <a:spLocks noGrp="1"/>
          </p:cNvSpPr>
          <p:nvPr>
            <p:ph type="title" orient="vert"/>
          </p:nvPr>
        </p:nvSpPr>
        <p:spPr>
          <a:xfrm>
            <a:off x="9359496" y="755981"/>
            <a:ext cx="2277552" cy="5338369"/>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80BC98B5-885C-CBB1-A858-76F65F7D28BD}"/>
              </a:ext>
            </a:extLst>
          </p:cNvPr>
          <p:cNvSpPr>
            <a:spLocks noGrp="1"/>
          </p:cNvSpPr>
          <p:nvPr>
            <p:ph type="body" orient="vert" idx="1"/>
          </p:nvPr>
        </p:nvSpPr>
        <p:spPr>
          <a:xfrm>
            <a:off x="838199" y="755981"/>
            <a:ext cx="8230086" cy="533836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CE5DAFE-6A83-FB7D-72DF-232EFE20424E}"/>
              </a:ext>
            </a:extLst>
          </p:cNvPr>
          <p:cNvSpPr>
            <a:spLocks noGrp="1"/>
          </p:cNvSpPr>
          <p:nvPr>
            <p:ph type="dt" sz="half" idx="10"/>
          </p:nvPr>
        </p:nvSpPr>
        <p:spPr/>
        <p:txBody>
          <a:bodyPr/>
          <a:lstStyle/>
          <a:p>
            <a:fld id="{C2B04DB0-379A-41B7-9B29-7F42F0D571D5}" type="datetimeFigureOut">
              <a:rPr lang="en-US" dirty="0"/>
              <a:t>10/7/2024</a:t>
            </a:fld>
            <a:endParaRPr lang="en-US"/>
          </a:p>
        </p:txBody>
      </p:sp>
      <p:sp>
        <p:nvSpPr>
          <p:cNvPr id="5" name="Footer Placeholder 4">
            <a:extLst>
              <a:ext uri="{FF2B5EF4-FFF2-40B4-BE49-F238E27FC236}">
                <a16:creationId xmlns:a16="http://schemas.microsoft.com/office/drawing/2014/main" id="{43B41CCF-A3CD-506E-3AAE-CAEFA8C1BB12}"/>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7420DD9D-25C2-0EDF-A6F4-71946D57B3CD}"/>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3540752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25293827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ection Break 2">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680"/>
            <a:ext cx="4179570" cy="3376691"/>
          </a:xfrm>
        </p:spPr>
        <p:txBody>
          <a:bodyPr anchor="b">
            <a:noAutofit/>
          </a:bodyPr>
          <a:lstStyle>
            <a:lvl1pPr algn="l">
              <a:defRPr sz="3600" spc="150" baseline="0">
                <a:solidFill>
                  <a:schemeClr val="bg1"/>
                </a:solidFill>
              </a:defRPr>
            </a:lvl1pPr>
          </a:lstStyle>
          <a:p>
            <a:r>
              <a:rPr lang="en-US"/>
              <a:t>CLICK TO add title</a:t>
            </a:r>
          </a:p>
        </p:txBody>
      </p:sp>
      <p:cxnSp>
        <p:nvCxnSpPr>
          <p:cNvPr id="7" name="Straight Connector 6">
            <a:extLst>
              <a:ext uri="{FF2B5EF4-FFF2-40B4-BE49-F238E27FC236}">
                <a16:creationId xmlns:a16="http://schemas.microsoft.com/office/drawing/2014/main" id="{5D8E94DD-0F7B-3F92-58EA-5F06D557BF40}"/>
              </a:ext>
              <a:ext uri="{C183D7F6-B498-43B3-948B-1728B52AA6E4}">
                <adec:decorative xmlns:adec="http://schemas.microsoft.com/office/drawing/2017/decorative" val="1"/>
              </a:ext>
            </a:extLst>
          </p:cNvPr>
          <p:cNvCxnSpPr>
            <a:cxnSpLocks/>
          </p:cNvCxnSpPr>
          <p:nvPr userDrawn="1"/>
        </p:nvCxnSpPr>
        <p:spPr>
          <a:xfrm>
            <a:off x="3990667" y="0"/>
            <a:ext cx="1126278" cy="2512291"/>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Picture Placeholder 8">
            <a:extLst>
              <a:ext uri="{FF2B5EF4-FFF2-40B4-BE49-F238E27FC236}">
                <a16:creationId xmlns:a16="http://schemas.microsoft.com/office/drawing/2014/main" id="{419F5397-34DB-BC88-ADF5-AA470A06FE50}"/>
              </a:ext>
            </a:extLst>
          </p:cNvPr>
          <p:cNvSpPr>
            <a:spLocks noGrp="1"/>
          </p:cNvSpPr>
          <p:nvPr>
            <p:ph type="pic" sz="quarter" idx="10"/>
          </p:nvPr>
        </p:nvSpPr>
        <p:spPr>
          <a:xfrm>
            <a:off x="0" y="-5080"/>
            <a:ext cx="6576291" cy="6872605"/>
          </a:xfrm>
          <a:custGeom>
            <a:avLst/>
            <a:gdLst>
              <a:gd name="connsiteX0" fmla="*/ 0 w 6576291"/>
              <a:gd name="connsiteY0" fmla="*/ 0 h 6867525"/>
              <a:gd name="connsiteX1" fmla="*/ 6576291 w 6576291"/>
              <a:gd name="connsiteY1" fmla="*/ 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044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 name="connsiteX0" fmla="*/ 0 w 6576291"/>
              <a:gd name="connsiteY0" fmla="*/ 0 h 6867525"/>
              <a:gd name="connsiteX1" fmla="*/ 3624811 w 6576291"/>
              <a:gd name="connsiteY1" fmla="*/ 1016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298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76291" h="6872605">
                <a:moveTo>
                  <a:pt x="0" y="5080"/>
                </a:moveTo>
                <a:lnTo>
                  <a:pt x="3629891" y="0"/>
                </a:lnTo>
                <a:lnTo>
                  <a:pt x="6576291" y="6872605"/>
                </a:lnTo>
                <a:lnTo>
                  <a:pt x="0" y="6872605"/>
                </a:lnTo>
                <a:lnTo>
                  <a:pt x="0" y="5080"/>
                </a:lnTo>
                <a:close/>
              </a:path>
            </a:pathLst>
          </a:custGeom>
        </p:spPr>
        <p:txBody>
          <a:bodyPr lIns="182880" tIns="182880" bIns="91440">
            <a:normAutofit/>
          </a:bodyPr>
          <a:lstStyle>
            <a:lvl1pPr marL="0" indent="0">
              <a:buNone/>
              <a:defRPr sz="2000">
                <a:solidFill>
                  <a:schemeClr val="bg1"/>
                </a:solidFill>
              </a:defRPr>
            </a:lvl1pPr>
          </a:lstStyle>
          <a:p>
            <a:r>
              <a:rPr lang="en-US"/>
              <a:t>Click icon to add picture</a:t>
            </a:r>
          </a:p>
        </p:txBody>
      </p:sp>
    </p:spTree>
    <p:extLst>
      <p:ext uri="{BB962C8B-B14F-4D97-AF65-F5344CB8AC3E}">
        <p14:creationId xmlns:p14="http://schemas.microsoft.com/office/powerpoint/2010/main" val="15824900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Section Break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018"/>
            <a:ext cx="4179570" cy="3377354"/>
          </a:xfrm>
        </p:spPr>
        <p:txBody>
          <a:bodyPr anchor="b">
            <a:noAutofit/>
          </a:bodyPr>
          <a:lstStyle>
            <a:lvl1pPr algn="l">
              <a:defRPr sz="3600" spc="150" baseline="0">
                <a:solidFill>
                  <a:schemeClr val="tx1"/>
                </a:solidFill>
              </a:defRPr>
            </a:lvl1pPr>
          </a:lstStyle>
          <a:p>
            <a:r>
              <a:rPr lang="en-US"/>
              <a:t>CLICK TO add title</a:t>
            </a:r>
          </a:p>
        </p:txBody>
      </p:sp>
      <p:grpSp>
        <p:nvGrpSpPr>
          <p:cNvPr id="4" name="Group 3">
            <a:extLst>
              <a:ext uri="{FF2B5EF4-FFF2-40B4-BE49-F238E27FC236}">
                <a16:creationId xmlns:a16="http://schemas.microsoft.com/office/drawing/2014/main" id="{4A96E214-6A61-C8A7-B1DB-C8C260C13441}"/>
              </a:ext>
              <a:ext uri="{C183D7F6-B498-43B3-948B-1728B52AA6E4}">
                <adec:decorative xmlns:adec="http://schemas.microsoft.com/office/drawing/2017/decorative" val="1"/>
              </a:ext>
            </a:extLst>
          </p:cNvPr>
          <p:cNvGrpSpPr/>
          <p:nvPr userDrawn="1"/>
        </p:nvGrpSpPr>
        <p:grpSpPr>
          <a:xfrm>
            <a:off x="0" y="0"/>
            <a:ext cx="6557818" cy="6858000"/>
            <a:chOff x="0" y="0"/>
            <a:chExt cx="4762501" cy="5186363"/>
          </a:xfrm>
        </p:grpSpPr>
        <p:cxnSp>
          <p:nvCxnSpPr>
            <p:cNvPr id="5" name="Straight Connector 4">
              <a:extLst>
                <a:ext uri="{FF2B5EF4-FFF2-40B4-BE49-F238E27FC236}">
                  <a16:creationId xmlns:a16="http://schemas.microsoft.com/office/drawing/2014/main" id="{A18BC1BC-99D6-D9F4-19F9-AAE722E2AE61}"/>
                </a:ext>
              </a:extLst>
            </p:cNvPr>
            <p:cNvCxnSpPr>
              <a:cxnSpLocks/>
            </p:cNvCxnSpPr>
            <p:nvPr userDrawn="1"/>
          </p:nvCxnSpPr>
          <p:spPr>
            <a:xfrm flipH="1" flipV="1">
              <a:off x="0" y="876300"/>
              <a:ext cx="4762500" cy="162877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816F797-248B-2C75-29B9-DB65A809D47B}"/>
                </a:ext>
              </a:extLst>
            </p:cNvPr>
            <p:cNvCxnSpPr>
              <a:cxnSpLocks/>
            </p:cNvCxnSpPr>
            <p:nvPr userDrawn="1"/>
          </p:nvCxnSpPr>
          <p:spPr>
            <a:xfrm flipH="1" flipV="1">
              <a:off x="2638425" y="0"/>
              <a:ext cx="2124076" cy="51863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744065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1">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955F7B05-9431-1FBA-415D-6CF2DF562B97}"/>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39434" t="20278" b="22673"/>
          <a:stretch/>
        </p:blipFill>
        <p:spPr>
          <a:xfrm>
            <a:off x="25785" y="0"/>
            <a:ext cx="4093633" cy="3912394"/>
          </a:xfrm>
          <a:prstGeom prst="rect">
            <a:avLst/>
          </a:prstGeom>
        </p:spPr>
      </p:pic>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2933700" y="568961"/>
            <a:ext cx="8420100"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2933700" y="2797255"/>
            <a:ext cx="3924300"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7FF22E3-5928-787E-B062-FA18127D3BD9}"/>
              </a:ext>
            </a:extLst>
          </p:cNvPr>
          <p:cNvSpPr>
            <a:spLocks noGrp="1"/>
          </p:cNvSpPr>
          <p:nvPr>
            <p:ph sz="half" idx="13" hasCustomPrompt="1"/>
          </p:nvPr>
        </p:nvSpPr>
        <p:spPr>
          <a:xfrm>
            <a:off x="2933700" y="3251596"/>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410173" y="2797255"/>
            <a:ext cx="3943627"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9" name="Content Placeholder 3">
            <a:extLst>
              <a:ext uri="{FF2B5EF4-FFF2-40B4-BE49-F238E27FC236}">
                <a16:creationId xmlns:a16="http://schemas.microsoft.com/office/drawing/2014/main" id="{178E4D0B-96F1-45F3-6B2A-5FA31A37257F}"/>
              </a:ext>
            </a:extLst>
          </p:cNvPr>
          <p:cNvSpPr>
            <a:spLocks noGrp="1"/>
          </p:cNvSpPr>
          <p:nvPr>
            <p:ph sz="half" idx="14" hasCustomPrompt="1"/>
          </p:nvPr>
        </p:nvSpPr>
        <p:spPr>
          <a:xfrm>
            <a:off x="7410173" y="3251595"/>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3" name="Footer Placeholder 4">
            <a:extLst>
              <a:ext uri="{FF2B5EF4-FFF2-40B4-BE49-F238E27FC236}">
                <a16:creationId xmlns:a16="http://schemas.microsoft.com/office/drawing/2014/main" id="{5F41582C-9AD2-F126-40F3-D43E77D158C8}"/>
              </a:ext>
            </a:extLst>
          </p:cNvPr>
          <p:cNvSpPr>
            <a:spLocks noGrp="1"/>
          </p:cNvSpPr>
          <p:nvPr>
            <p:ph type="ftr" sz="quarter" idx="11"/>
          </p:nvPr>
        </p:nvSpPr>
        <p:spPr>
          <a:xfrm>
            <a:off x="2969260" y="6356349"/>
            <a:ext cx="3819228" cy="365125"/>
          </a:xfrm>
        </p:spPr>
        <p:txBody>
          <a:bodyPr/>
          <a:lstStyle>
            <a:lvl1pPr algn="l">
              <a:defRPr sz="900"/>
            </a:lvl1pPr>
          </a:lstStyle>
          <a:p>
            <a:r>
              <a:rPr lang="en-US"/>
              <a:t>PRESENTATION TITLE</a:t>
            </a:r>
          </a:p>
        </p:txBody>
      </p:sp>
      <p:sp>
        <p:nvSpPr>
          <p:cNvPr id="14" name="Slide Number Placeholder 5">
            <a:extLst>
              <a:ext uri="{FF2B5EF4-FFF2-40B4-BE49-F238E27FC236}">
                <a16:creationId xmlns:a16="http://schemas.microsoft.com/office/drawing/2014/main" id="{341F76B1-7BEF-7A88-1394-1164BFF082E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750411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troduc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1322318" y="268360"/>
            <a:ext cx="7288282" cy="212117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EAC9D25F-5B3D-F5B2-5D02-C6BC6AA8987B}"/>
              </a:ext>
            </a:extLst>
          </p:cNvPr>
          <p:cNvSpPr>
            <a:spLocks noGrp="1"/>
          </p:cNvSpPr>
          <p:nvPr>
            <p:ph sz="half" idx="2" hasCustomPrompt="1"/>
          </p:nvPr>
        </p:nvSpPr>
        <p:spPr>
          <a:xfrm>
            <a:off x="1322388" y="2763078"/>
            <a:ext cx="7288212" cy="3407051"/>
          </a:xfrm>
        </p:spPr>
        <p:txBody>
          <a:bodyPr>
            <a:normAutofit/>
          </a:bodyPr>
          <a:lstStyle>
            <a:lvl1pPr marL="0" indent="0">
              <a:lnSpc>
                <a:spcPct val="100000"/>
              </a:lnSpc>
              <a:buFont typeface="Arial" panose="020B0604020202020204" pitchFamily="34" charset="0"/>
              <a:buNone/>
              <a:defRPr sz="1800" b="1"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grpSp>
        <p:nvGrpSpPr>
          <p:cNvPr id="9" name="Group 8">
            <a:extLst>
              <a:ext uri="{FF2B5EF4-FFF2-40B4-BE49-F238E27FC236}">
                <a16:creationId xmlns:a16="http://schemas.microsoft.com/office/drawing/2014/main" id="{18E16CF1-2502-F2F0-2C27-2DD7979033E2}"/>
              </a:ext>
              <a:ext uri="{C183D7F6-B498-43B3-948B-1728B52AA6E4}">
                <adec:decorative xmlns:adec="http://schemas.microsoft.com/office/drawing/2017/decorative" val="1"/>
              </a:ext>
            </a:extLst>
          </p:cNvPr>
          <p:cNvGrpSpPr/>
          <p:nvPr userDrawn="1"/>
        </p:nvGrpSpPr>
        <p:grpSpPr>
          <a:xfrm>
            <a:off x="9096374" y="-25401"/>
            <a:ext cx="3095625" cy="6883401"/>
            <a:chOff x="9096375" y="-25401"/>
            <a:chExt cx="3095625" cy="6883401"/>
          </a:xfrm>
        </p:grpSpPr>
        <p:cxnSp>
          <p:nvCxnSpPr>
            <p:cNvPr id="10" name="Straight Connector 9">
              <a:extLst>
                <a:ext uri="{FF2B5EF4-FFF2-40B4-BE49-F238E27FC236}">
                  <a16:creationId xmlns:a16="http://schemas.microsoft.com/office/drawing/2014/main" id="{6322A6FB-333C-65AE-23D8-08BCEA174D43}"/>
                </a:ext>
              </a:extLst>
            </p:cNvPr>
            <p:cNvCxnSpPr/>
            <p:nvPr userDrawn="1"/>
          </p:nvCxnSpPr>
          <p:spPr>
            <a:xfrm>
              <a:off x="9096375" y="1497012"/>
              <a:ext cx="309562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162BB247-4598-A983-DEBF-6F042C1DB0BC}"/>
                </a:ext>
              </a:extLst>
            </p:cNvPr>
            <p:cNvCxnSpPr>
              <a:cxnSpLocks/>
            </p:cNvCxnSpPr>
            <p:nvPr userDrawn="1"/>
          </p:nvCxnSpPr>
          <p:spPr>
            <a:xfrm flipH="1">
              <a:off x="9381744" y="-25401"/>
              <a:ext cx="2810256" cy="688340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12" name="Straight Connector 11">
            <a:extLst>
              <a:ext uri="{FF2B5EF4-FFF2-40B4-BE49-F238E27FC236}">
                <a16:creationId xmlns:a16="http://schemas.microsoft.com/office/drawing/2014/main" id="{34E84FEE-D475-A71D-7996-5925602ECF9A}"/>
              </a:ext>
              <a:ext uri="{C183D7F6-B498-43B3-948B-1728B52AA6E4}">
                <adec:decorative xmlns:adec="http://schemas.microsoft.com/office/drawing/2017/decorative" val="1"/>
              </a:ext>
            </a:extLst>
          </p:cNvPr>
          <p:cNvCxnSpPr>
            <a:cxnSpLocks/>
          </p:cNvCxnSpPr>
          <p:nvPr userDrawn="1"/>
        </p:nvCxnSpPr>
        <p:spPr>
          <a:xfrm rot="10800000" flipH="1">
            <a:off x="-1" y="-25403"/>
            <a:ext cx="1210573" cy="204816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Footer Placeholder 4">
            <a:extLst>
              <a:ext uri="{FF2B5EF4-FFF2-40B4-BE49-F238E27FC236}">
                <a16:creationId xmlns:a16="http://schemas.microsoft.com/office/drawing/2014/main" id="{7459776D-4049-CB00-C321-0627C169BC51}"/>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16" name="Slide Number Placeholder 5">
            <a:extLst>
              <a:ext uri="{FF2B5EF4-FFF2-40B4-BE49-F238E27FC236}">
                <a16:creationId xmlns:a16="http://schemas.microsoft.com/office/drawing/2014/main" id="{EDE114AF-34C6-A062-7340-858BC27DA264}"/>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167865823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2">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1341120" y="558801"/>
            <a:ext cx="9953308"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grpSp>
        <p:nvGrpSpPr>
          <p:cNvPr id="10" name="Group 9">
            <a:extLst>
              <a:ext uri="{FF2B5EF4-FFF2-40B4-BE49-F238E27FC236}">
                <a16:creationId xmlns:a16="http://schemas.microsoft.com/office/drawing/2014/main" id="{6A217F83-0BDB-C70B-29FE-2651DE191533}"/>
              </a:ext>
              <a:ext uri="{C183D7F6-B498-43B3-948B-1728B52AA6E4}">
                <adec:decorative xmlns:adec="http://schemas.microsoft.com/office/drawing/2017/decorative" val="1"/>
              </a:ext>
            </a:extLst>
          </p:cNvPr>
          <p:cNvGrpSpPr/>
          <p:nvPr userDrawn="1"/>
        </p:nvGrpSpPr>
        <p:grpSpPr>
          <a:xfrm>
            <a:off x="4429817" y="0"/>
            <a:ext cx="7762183" cy="2754814"/>
            <a:chOff x="7334250" y="0"/>
            <a:chExt cx="4857750" cy="1724025"/>
          </a:xfrm>
        </p:grpSpPr>
        <p:cxnSp>
          <p:nvCxnSpPr>
            <p:cNvPr id="11" name="Straight Connector 10">
              <a:extLst>
                <a:ext uri="{FF2B5EF4-FFF2-40B4-BE49-F238E27FC236}">
                  <a16:creationId xmlns:a16="http://schemas.microsoft.com/office/drawing/2014/main" id="{E0C62368-3F79-C078-7086-B23D2F5A09F8}"/>
                </a:ext>
              </a:extLst>
            </p:cNvPr>
            <p:cNvCxnSpPr/>
            <p:nvPr userDrawn="1"/>
          </p:nvCxnSpPr>
          <p:spPr>
            <a:xfrm flipH="1" flipV="1">
              <a:off x="7334250" y="0"/>
              <a:ext cx="485775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09BDD71-BF2E-BDB0-A625-D8371AEA1CAB}"/>
                </a:ext>
              </a:extLst>
            </p:cNvPr>
            <p:cNvCxnSpPr>
              <a:cxnSpLocks/>
            </p:cNvCxnSpPr>
            <p:nvPr userDrawn="1"/>
          </p:nvCxnSpPr>
          <p:spPr>
            <a:xfrm>
              <a:off x="11487150" y="0"/>
              <a:ext cx="704850" cy="172402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Text Placeholder 2">
            <a:extLst>
              <a:ext uri="{FF2B5EF4-FFF2-40B4-BE49-F238E27FC236}">
                <a16:creationId xmlns:a16="http://schemas.microsoft.com/office/drawing/2014/main" id="{83354B96-CD25-BE1C-8CA2-3825F820B759}"/>
              </a:ext>
            </a:extLst>
          </p:cNvPr>
          <p:cNvSpPr>
            <a:spLocks noGrp="1"/>
          </p:cNvSpPr>
          <p:nvPr>
            <p:ph type="body" idx="1" hasCustomPrompt="1"/>
          </p:nvPr>
        </p:nvSpPr>
        <p:spPr>
          <a:xfrm>
            <a:off x="1341120" y="2960877"/>
            <a:ext cx="2722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5" name="Content Placeholder 3">
            <a:extLst>
              <a:ext uri="{FF2B5EF4-FFF2-40B4-BE49-F238E27FC236}">
                <a16:creationId xmlns:a16="http://schemas.microsoft.com/office/drawing/2014/main" id="{CDD81865-54C7-7674-4B2E-041D05C1D146}"/>
              </a:ext>
            </a:extLst>
          </p:cNvPr>
          <p:cNvSpPr>
            <a:spLocks noGrp="1"/>
          </p:cNvSpPr>
          <p:nvPr>
            <p:ph sz="half" idx="15" hasCustomPrompt="1"/>
          </p:nvPr>
        </p:nvSpPr>
        <p:spPr>
          <a:xfrm>
            <a:off x="1341120" y="3392035"/>
            <a:ext cx="2722880" cy="2907164"/>
          </a:xfrm>
        </p:spPr>
        <p:txBody>
          <a:bodyPr tIns="0">
            <a:normAutofit/>
          </a:bodyPr>
          <a:lstStyle>
            <a:lvl1pPr marL="283464" indent="-283464">
              <a:lnSpc>
                <a:spcPct val="100000"/>
              </a:lnSpc>
              <a:buFont typeface="+mj-lt"/>
              <a:buAutoNum type="arabicPeriod"/>
              <a:defRPr sz="1800" b="0" spc="50" baseline="0"/>
            </a:lvl1pPr>
            <a:lvl2pPr marL="566928" indent="-342900">
              <a:lnSpc>
                <a:spcPct val="100000"/>
              </a:lnSpc>
              <a:spcBef>
                <a:spcPts val="1000"/>
              </a:spcBef>
              <a:buFont typeface="+mj-lt"/>
              <a:buAutoNum type="alphaLcPeriod"/>
              <a:defRPr sz="1800" spc="50" baseline="0"/>
            </a:lvl2pPr>
            <a:lvl3pPr marL="850392" indent="-342900">
              <a:lnSpc>
                <a:spcPct val="100000"/>
              </a:lnSpc>
              <a:spcBef>
                <a:spcPts val="1000"/>
              </a:spcBef>
              <a:buFont typeface="+mj-lt"/>
              <a:buAutoNum type="arabicParenR"/>
              <a:defRPr sz="1800" spc="50" baseline="0"/>
            </a:lvl3pPr>
            <a:lvl4pPr marL="1042416" indent="-342900">
              <a:lnSpc>
                <a:spcPct val="100000"/>
              </a:lnSpc>
              <a:spcBef>
                <a:spcPts val="1000"/>
              </a:spcBef>
              <a:buFont typeface="+mj-lt"/>
              <a:buAutoNum type="alphaLcParenR"/>
              <a:defRPr sz="1800" spc="50" baseline="0"/>
            </a:lvl4pPr>
            <a:lvl5pPr marL="1074420" indent="-400050">
              <a:lnSpc>
                <a:spcPct val="100000"/>
              </a:lnSpc>
              <a:spcBef>
                <a:spcPts val="1000"/>
              </a:spcBef>
              <a:buFont typeface="+mj-lt"/>
              <a:buAutoNum type="romanLcPeriod"/>
              <a:defRPr sz="1800" spc="50" baseline="0"/>
            </a:lvl5pPr>
          </a:lstStyle>
          <a:p>
            <a:pPr lvl="0"/>
            <a:r>
              <a:rPr lang="en-US"/>
              <a:t>Click to add content</a:t>
            </a:r>
          </a:p>
          <a:p>
            <a:pPr lvl="1"/>
            <a:r>
              <a:rPr lang="en-US"/>
              <a:t>Second level</a:t>
            </a:r>
          </a:p>
          <a:p>
            <a:pPr lvl="2"/>
            <a:r>
              <a:rPr lang="en-US"/>
              <a:t>Third level</a:t>
            </a:r>
          </a:p>
          <a:p>
            <a:pPr lvl="3"/>
            <a:r>
              <a:rPr lang="en-US"/>
              <a:t>Fourth level</a:t>
            </a:r>
          </a:p>
        </p:txBody>
      </p:sp>
      <p:sp>
        <p:nvSpPr>
          <p:cNvPr id="17" name="Text Placeholder 2">
            <a:extLst>
              <a:ext uri="{FF2B5EF4-FFF2-40B4-BE49-F238E27FC236}">
                <a16:creationId xmlns:a16="http://schemas.microsoft.com/office/drawing/2014/main" id="{6F39BA57-7F1C-623F-BC7F-B689C5AC33EA}"/>
              </a:ext>
            </a:extLst>
          </p:cNvPr>
          <p:cNvSpPr>
            <a:spLocks noGrp="1"/>
          </p:cNvSpPr>
          <p:nvPr>
            <p:ph type="body" idx="10" hasCustomPrompt="1"/>
          </p:nvPr>
        </p:nvSpPr>
        <p:spPr>
          <a:xfrm>
            <a:off x="4754881" y="2960877"/>
            <a:ext cx="5516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3" name="Content Placeholder 3">
            <a:extLst>
              <a:ext uri="{FF2B5EF4-FFF2-40B4-BE49-F238E27FC236}">
                <a16:creationId xmlns:a16="http://schemas.microsoft.com/office/drawing/2014/main" id="{94BF07A4-5A33-0B3C-A378-AB2435F1D5FF}"/>
              </a:ext>
            </a:extLst>
          </p:cNvPr>
          <p:cNvSpPr>
            <a:spLocks noGrp="1"/>
          </p:cNvSpPr>
          <p:nvPr>
            <p:ph sz="half" idx="14" hasCustomPrompt="1"/>
          </p:nvPr>
        </p:nvSpPr>
        <p:spPr>
          <a:xfrm>
            <a:off x="4754881" y="3324859"/>
            <a:ext cx="5506720" cy="303148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9" name="Footer Placeholder 4">
            <a:extLst>
              <a:ext uri="{FF2B5EF4-FFF2-40B4-BE49-F238E27FC236}">
                <a16:creationId xmlns:a16="http://schemas.microsoft.com/office/drawing/2014/main" id="{63DC63A6-41FE-6C2D-9A53-0AE4A6DBF39B}"/>
              </a:ext>
            </a:extLst>
          </p:cNvPr>
          <p:cNvSpPr>
            <a:spLocks noGrp="1"/>
          </p:cNvSpPr>
          <p:nvPr>
            <p:ph type="ftr" sz="quarter" idx="12"/>
          </p:nvPr>
        </p:nvSpPr>
        <p:spPr>
          <a:xfrm>
            <a:off x="1333500" y="6356349"/>
            <a:ext cx="3819228" cy="365125"/>
          </a:xfrm>
        </p:spPr>
        <p:txBody>
          <a:bodyPr/>
          <a:lstStyle>
            <a:lvl1pPr algn="l">
              <a:defRPr sz="900"/>
            </a:lvl1pPr>
          </a:lstStyle>
          <a:p>
            <a:r>
              <a:rPr lang="en-US"/>
              <a:t>PRESENTATION TITLE</a:t>
            </a:r>
          </a:p>
        </p:txBody>
      </p:sp>
      <p:sp>
        <p:nvSpPr>
          <p:cNvPr id="20" name="Slide Number Placeholder 5">
            <a:extLst>
              <a:ext uri="{FF2B5EF4-FFF2-40B4-BE49-F238E27FC236}">
                <a16:creationId xmlns:a16="http://schemas.microsoft.com/office/drawing/2014/main" id="{0B5130EC-B05B-5489-FBEC-DBEB6D1E737D}"/>
              </a:ext>
            </a:extLst>
          </p:cNvPr>
          <p:cNvSpPr>
            <a:spLocks noGrp="1"/>
          </p:cNvSpPr>
          <p:nvPr>
            <p:ph type="sldNum" sz="quarter" idx="13"/>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8609033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able 1">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1" y="895350"/>
            <a:ext cx="3247662" cy="1917700"/>
          </a:xfrm>
        </p:spPr>
        <p:txBody>
          <a:bodyPr>
            <a:normAutofit/>
          </a:bodyPr>
          <a:lstStyle>
            <a:lvl1pPr algn="l">
              <a:defRPr lang="en-US" sz="24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A14C3057-3BCC-F9A2-98D8-17DDB36F1823}"/>
              </a:ext>
            </a:extLst>
          </p:cNvPr>
          <p:cNvSpPr>
            <a:spLocks noGrp="1"/>
          </p:cNvSpPr>
          <p:nvPr>
            <p:ph sz="half" idx="16" hasCustomPrompt="1"/>
          </p:nvPr>
        </p:nvSpPr>
        <p:spPr>
          <a:xfrm>
            <a:off x="838200" y="2813049"/>
            <a:ext cx="3247662" cy="323849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4216396" y="895927"/>
            <a:ext cx="7137404" cy="5115889"/>
          </a:xfrm>
        </p:spPr>
        <p:txBody>
          <a:bodyPr>
            <a:normAutofit/>
          </a:bodyPr>
          <a:lstStyle>
            <a:lvl1pPr marL="0" indent="0" algn="ctr">
              <a:buNone/>
              <a:defRPr sz="2000"/>
            </a:lvl1pPr>
          </a:lstStyle>
          <a:p>
            <a:r>
              <a:rPr lang="en-US"/>
              <a:t>Click icon to add table</a:t>
            </a:r>
          </a:p>
        </p:txBody>
      </p:sp>
      <p:sp>
        <p:nvSpPr>
          <p:cNvPr id="10" name="Footer Placeholder 4">
            <a:extLst>
              <a:ext uri="{FF2B5EF4-FFF2-40B4-BE49-F238E27FC236}">
                <a16:creationId xmlns:a16="http://schemas.microsoft.com/office/drawing/2014/main" id="{5F91997C-538B-C8B9-14D7-31A1932F69C3}"/>
              </a:ext>
            </a:extLst>
          </p:cNvPr>
          <p:cNvSpPr>
            <a:spLocks noGrp="1"/>
          </p:cNvSpPr>
          <p:nvPr>
            <p:ph type="ftr" sz="quarter" idx="11"/>
          </p:nvPr>
        </p:nvSpPr>
        <p:spPr>
          <a:xfrm>
            <a:off x="731615" y="6356349"/>
            <a:ext cx="3819228" cy="365125"/>
          </a:xfrm>
        </p:spPr>
        <p:txBody>
          <a:bodyPr/>
          <a:lstStyle>
            <a:lvl1pPr algn="l">
              <a:defRPr sz="900"/>
            </a:lvl1pPr>
          </a:lstStyle>
          <a:p>
            <a:r>
              <a:rPr lang="en-US"/>
              <a:t>PRESENTATION TITLE</a:t>
            </a:r>
          </a:p>
        </p:txBody>
      </p:sp>
      <p:sp>
        <p:nvSpPr>
          <p:cNvPr id="11" name="Slide Number Placeholder 5">
            <a:extLst>
              <a:ext uri="{FF2B5EF4-FFF2-40B4-BE49-F238E27FC236}">
                <a16:creationId xmlns:a16="http://schemas.microsoft.com/office/drawing/2014/main" id="{1F777EF4-982E-9337-7E82-31DC723C1273}"/>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grpSp>
        <p:nvGrpSpPr>
          <p:cNvPr id="14" name="Group 13">
            <a:extLst>
              <a:ext uri="{FF2B5EF4-FFF2-40B4-BE49-F238E27FC236}">
                <a16:creationId xmlns:a16="http://schemas.microsoft.com/office/drawing/2014/main" id="{E34303BA-AFB6-0E22-486F-785994E3B7B1}"/>
              </a:ext>
              <a:ext uri="{C183D7F6-B498-43B3-948B-1728B52AA6E4}">
                <adec:decorative xmlns:adec="http://schemas.microsoft.com/office/drawing/2017/decorative" val="1"/>
              </a:ext>
            </a:extLst>
          </p:cNvPr>
          <p:cNvGrpSpPr/>
          <p:nvPr userDrawn="1"/>
        </p:nvGrpSpPr>
        <p:grpSpPr>
          <a:xfrm>
            <a:off x="0" y="0"/>
            <a:ext cx="2327564" cy="1505528"/>
            <a:chOff x="0" y="0"/>
            <a:chExt cx="2238376" cy="3105150"/>
          </a:xfrm>
        </p:grpSpPr>
        <p:cxnSp>
          <p:nvCxnSpPr>
            <p:cNvPr id="15" name="Straight Connector 14">
              <a:extLst>
                <a:ext uri="{FF2B5EF4-FFF2-40B4-BE49-F238E27FC236}">
                  <a16:creationId xmlns:a16="http://schemas.microsoft.com/office/drawing/2014/main" id="{F66E3A08-02EB-7B54-5089-E7A7F19FD725}"/>
                </a:ext>
              </a:extLst>
            </p:cNvPr>
            <p:cNvCxnSpPr>
              <a:cxnSpLocks/>
            </p:cNvCxnSpPr>
            <p:nvPr userDrawn="1"/>
          </p:nvCxnSpPr>
          <p:spPr>
            <a:xfrm flipH="1">
              <a:off x="0" y="0"/>
              <a:ext cx="1238250" cy="310515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14F9BE5-00B2-ADDF-771C-AB098B36C820}"/>
                </a:ext>
              </a:extLst>
            </p:cNvPr>
            <p:cNvCxnSpPr>
              <a:cxnSpLocks/>
            </p:cNvCxnSpPr>
            <p:nvPr userDrawn="1"/>
          </p:nvCxnSpPr>
          <p:spPr>
            <a:xfrm flipH="1">
              <a:off x="0" y="0"/>
              <a:ext cx="2238376" cy="24765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7014386"/>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able 2">
    <p:bg>
      <p:bgRef idx="1001">
        <a:schemeClr val="bg1"/>
      </p:bgRef>
    </p:bg>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544E9C70-0200-3C21-7766-CB9EA5FBFA88}"/>
              </a:ext>
              <a:ext uri="{C183D7F6-B498-43B3-948B-1728B52AA6E4}">
                <adec:decorative xmlns:adec="http://schemas.microsoft.com/office/drawing/2017/decorative" val="1"/>
              </a:ext>
            </a:extLst>
          </p:cNvPr>
          <p:cNvGrpSpPr/>
          <p:nvPr userDrawn="1"/>
        </p:nvGrpSpPr>
        <p:grpSpPr>
          <a:xfrm>
            <a:off x="0" y="0"/>
            <a:ext cx="2590800" cy="1027906"/>
            <a:chOff x="0" y="0"/>
            <a:chExt cx="2590800" cy="1027906"/>
          </a:xfrm>
        </p:grpSpPr>
        <p:cxnSp>
          <p:nvCxnSpPr>
            <p:cNvPr id="11" name="Straight Connector 10">
              <a:extLst>
                <a:ext uri="{FF2B5EF4-FFF2-40B4-BE49-F238E27FC236}">
                  <a16:creationId xmlns:a16="http://schemas.microsoft.com/office/drawing/2014/main" id="{1D5E4B16-2071-DEE9-BE53-F35AFBEFCA57}"/>
                </a:ext>
              </a:extLst>
            </p:cNvPr>
            <p:cNvCxnSpPr>
              <a:cxnSpLocks/>
            </p:cNvCxnSpPr>
            <p:nvPr userDrawn="1"/>
          </p:nvCxnSpPr>
          <p:spPr>
            <a:xfrm flipV="1">
              <a:off x="0" y="0"/>
              <a:ext cx="259080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CB2B071-0355-D550-18A8-9D515CA16987}"/>
                </a:ext>
              </a:extLst>
            </p:cNvPr>
            <p:cNvCxnSpPr>
              <a:cxnSpLocks/>
            </p:cNvCxnSpPr>
            <p:nvPr userDrawn="1"/>
          </p:nvCxnSpPr>
          <p:spPr>
            <a:xfrm flipH="1">
              <a:off x="0" y="0"/>
              <a:ext cx="704850" cy="102790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0" y="353550"/>
            <a:ext cx="10515600" cy="1325563"/>
          </a:xfrm>
        </p:spPr>
        <p:txBody>
          <a:bodyPr anchor="b">
            <a:normAutofit/>
          </a:bodyPr>
          <a:lstStyle>
            <a:lvl1pPr algn="ctr">
              <a:defRPr lang="en-US" sz="2800" kern="1200" spc="150" baseline="0" dirty="0">
                <a:solidFill>
                  <a:schemeClr val="tx1"/>
                </a:solidFill>
                <a:latin typeface="+mj-lt"/>
                <a:ea typeface="+mj-ea"/>
                <a:cs typeface="+mj-cs"/>
              </a:defRPr>
            </a:lvl1pPr>
          </a:lstStyle>
          <a:p>
            <a:r>
              <a:rPr lang="en-US"/>
              <a:t>CLICK TO add title</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838200" y="2111381"/>
            <a:ext cx="10515600" cy="3570963"/>
          </a:xfrm>
        </p:spPr>
        <p:txBody>
          <a:bodyPr>
            <a:normAutofit/>
          </a:bodyPr>
          <a:lstStyle>
            <a:lvl1pPr marL="0" indent="0" algn="ctr">
              <a:buNone/>
              <a:defRPr sz="2000"/>
            </a:lvl1pPr>
          </a:lstStyle>
          <a:p>
            <a:r>
              <a:rPr lang="en-US"/>
              <a:t>Click icon to add table</a:t>
            </a:r>
          </a:p>
        </p:txBody>
      </p:sp>
      <p:sp>
        <p:nvSpPr>
          <p:cNvPr id="6" name="Footer Placeholder 4">
            <a:extLst>
              <a:ext uri="{FF2B5EF4-FFF2-40B4-BE49-F238E27FC236}">
                <a16:creationId xmlns:a16="http://schemas.microsoft.com/office/drawing/2014/main" id="{BFB554B2-4C33-2975-9F27-94B8AE71DF13}"/>
              </a:ext>
            </a:extLst>
          </p:cNvPr>
          <p:cNvSpPr>
            <a:spLocks noGrp="1"/>
          </p:cNvSpPr>
          <p:nvPr>
            <p:ph type="ftr" sz="quarter" idx="11"/>
          </p:nvPr>
        </p:nvSpPr>
        <p:spPr>
          <a:xfrm>
            <a:off x="838200" y="6356349"/>
            <a:ext cx="3819228" cy="365125"/>
          </a:xfrm>
        </p:spPr>
        <p:txBody>
          <a:bodyPr/>
          <a:lstStyle>
            <a:lvl1pPr algn="l">
              <a:defRPr sz="900"/>
            </a:lvl1pPr>
          </a:lstStyle>
          <a:p>
            <a:r>
              <a:rPr lang="en-US"/>
              <a:t>PRESENTATION TITLE</a:t>
            </a:r>
          </a:p>
        </p:txBody>
      </p:sp>
      <p:sp>
        <p:nvSpPr>
          <p:cNvPr id="7" name="Slide Number Placeholder 5">
            <a:extLst>
              <a:ext uri="{FF2B5EF4-FFF2-40B4-BE49-F238E27FC236}">
                <a16:creationId xmlns:a16="http://schemas.microsoft.com/office/drawing/2014/main" id="{503C6776-E983-2BA3-1054-75996FE0FD22}"/>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3529150933"/>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95D22A-1F6D-0DE5-E04A-DC466353DA6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04ADD6F-7C93-3CD3-AC8D-28A78787CBBD}"/>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9706E74-14FC-84D9-4B41-7D9FB0D573C4}"/>
              </a:ext>
            </a:extLst>
          </p:cNvPr>
          <p:cNvSpPr>
            <a:spLocks noGrp="1"/>
          </p:cNvSpPr>
          <p:nvPr>
            <p:ph type="dt" sz="half" idx="10"/>
          </p:nvPr>
        </p:nvSpPr>
        <p:spPr/>
        <p:txBody>
          <a:bodyPr/>
          <a:lstStyle/>
          <a:p>
            <a:fld id="{0F996519-E62D-4F8C-AE1E-36928EC7D15C}" type="datetimeFigureOut">
              <a:rPr lang="en-US" dirty="0"/>
              <a:t>10/7/2024</a:t>
            </a:fld>
            <a:endParaRPr lang="en-US"/>
          </a:p>
        </p:txBody>
      </p:sp>
      <p:sp>
        <p:nvSpPr>
          <p:cNvPr id="5" name="Footer Placeholder 4">
            <a:extLst>
              <a:ext uri="{FF2B5EF4-FFF2-40B4-BE49-F238E27FC236}">
                <a16:creationId xmlns:a16="http://schemas.microsoft.com/office/drawing/2014/main" id="{1F35A7DC-6292-6181-949E-F8BC3FA11BA6}"/>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1050F5C6-EADC-E072-B19B-49BB11DF0309}"/>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2941486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52781069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441918" y="3329790"/>
            <a:ext cx="4941771" cy="3200400"/>
          </a:xfrm>
        </p:spPr>
        <p:txBody>
          <a:bodyPr anchor="ctr">
            <a:noAutofit/>
          </a:bodyPr>
          <a:lstStyle>
            <a:lvl1pPr algn="l">
              <a:defRPr sz="3600" spc="150" baseline="0"/>
            </a:lvl1pPr>
          </a:lstStyle>
          <a:p>
            <a:r>
              <a:rPr lang="en-US"/>
              <a:t>CLICK TO add title</a:t>
            </a:r>
          </a:p>
        </p:txBody>
      </p:sp>
      <p:pic>
        <p:nvPicPr>
          <p:cNvPr id="8" name="Graphic 7">
            <a:extLst>
              <a:ext uri="{FF2B5EF4-FFF2-40B4-BE49-F238E27FC236}">
                <a16:creationId xmlns:a16="http://schemas.microsoft.com/office/drawing/2014/main" id="{A04F1E16-9A84-4D0E-9706-79C396AF6AE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9358" t="23650" b="-1"/>
          <a:stretch/>
        </p:blipFill>
        <p:spPr>
          <a:xfrm>
            <a:off x="0" y="0"/>
            <a:ext cx="9488312" cy="5054323"/>
          </a:xfrm>
          <a:prstGeom prst="rect">
            <a:avLst/>
          </a:prstGeom>
        </p:spPr>
      </p:pic>
    </p:spTree>
    <p:extLst>
      <p:ext uri="{BB962C8B-B14F-4D97-AF65-F5344CB8AC3E}">
        <p14:creationId xmlns:p14="http://schemas.microsoft.com/office/powerpoint/2010/main" val="177682655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Agenda">
    <p:bg>
      <p:bgPr>
        <a:solidFill>
          <a:schemeClr val="tx1"/>
        </a:solidFill>
        <a:effectLst/>
      </p:bgPr>
    </p:bg>
    <p:spTree>
      <p:nvGrpSpPr>
        <p:cNvPr id="1" name=""/>
        <p:cNvGrpSpPr/>
        <p:nvPr/>
      </p:nvGrpSpPr>
      <p:grpSpPr>
        <a:xfrm>
          <a:off x="0" y="0"/>
          <a:ext cx="0" cy="0"/>
          <a:chOff x="0" y="0"/>
          <a:chExt cx="0" cy="0"/>
        </a:xfrm>
      </p:grpSpPr>
      <p:pic>
        <p:nvPicPr>
          <p:cNvPr id="8" name="Graphic 7">
            <a:extLst>
              <a:ext uri="{FF2B5EF4-FFF2-40B4-BE49-F238E27FC236}">
                <a16:creationId xmlns:a16="http://schemas.microsoft.com/office/drawing/2014/main" id="{D514C6BF-376E-43E8-881D-2E767426990A}"/>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t="18301" r="28341" b="23071"/>
          <a:stretch/>
        </p:blipFill>
        <p:spPr>
          <a:xfrm>
            <a:off x="4229100" y="0"/>
            <a:ext cx="7962901" cy="6858000"/>
          </a:xfrm>
          <a:prstGeom prst="rect">
            <a:avLst/>
          </a:prstGeom>
        </p:spPr>
      </p:pic>
      <p:sp>
        <p:nvSpPr>
          <p:cNvPr id="2" name="Title 1">
            <a:extLst>
              <a:ext uri="{FF2B5EF4-FFF2-40B4-BE49-F238E27FC236}">
                <a16:creationId xmlns:a16="http://schemas.microsoft.com/office/drawing/2014/main" id="{3F0A9B92-C2D0-466A-A680-A35832C452B3}"/>
              </a:ext>
            </a:extLst>
          </p:cNvPr>
          <p:cNvSpPr>
            <a:spLocks noGrp="1"/>
          </p:cNvSpPr>
          <p:nvPr>
            <p:ph type="title" hasCustomPrompt="1"/>
          </p:nvPr>
        </p:nvSpPr>
        <p:spPr>
          <a:xfrm>
            <a:off x="1333500" y="1020445"/>
            <a:ext cx="2895600" cy="1325563"/>
          </a:xfrm>
        </p:spPr>
        <p:txBody>
          <a:bodyPr anchor="b">
            <a:normAutofit/>
          </a:bodyPr>
          <a:lstStyle>
            <a:lvl1pPr>
              <a:defRPr sz="2800" spc="150" baseline="0">
                <a:solidFill>
                  <a:schemeClr val="bg1"/>
                </a:solidFill>
              </a:defRPr>
            </a:lvl1pPr>
          </a:lstStyle>
          <a:p>
            <a:r>
              <a:rPr lang="en-US"/>
              <a:t>CLICK TO add title</a:t>
            </a:r>
          </a:p>
        </p:txBody>
      </p:sp>
      <p:sp>
        <p:nvSpPr>
          <p:cNvPr id="3" name="Content Placeholder 2">
            <a:extLst>
              <a:ext uri="{FF2B5EF4-FFF2-40B4-BE49-F238E27FC236}">
                <a16:creationId xmlns:a16="http://schemas.microsoft.com/office/drawing/2014/main" id="{2DA41CE6-5A88-4C5C-B2A4-6A5D2153B16F}"/>
              </a:ext>
            </a:extLst>
          </p:cNvPr>
          <p:cNvSpPr>
            <a:spLocks noGrp="1"/>
          </p:cNvSpPr>
          <p:nvPr>
            <p:ph idx="1" hasCustomPrompt="1"/>
          </p:nvPr>
        </p:nvSpPr>
        <p:spPr>
          <a:xfrm>
            <a:off x="1333500" y="2674013"/>
            <a:ext cx="2895600" cy="3269589"/>
          </a:xfrm>
        </p:spPr>
        <p:txBody>
          <a:bodyPr>
            <a:normAutofit/>
          </a:bodyPr>
          <a:lstStyle>
            <a:lvl1pPr marL="0" indent="0">
              <a:lnSpc>
                <a:spcPct val="140000"/>
              </a:lnSpc>
              <a:spcBef>
                <a:spcPts val="1000"/>
              </a:spcBef>
              <a:buNone/>
              <a:defRPr sz="1800">
                <a:solidFill>
                  <a:schemeClr val="bg1"/>
                </a:solidFill>
              </a:defRPr>
            </a:lvl1pPr>
            <a:lvl2pPr marL="457200" indent="0">
              <a:lnSpc>
                <a:spcPct val="140000"/>
              </a:lnSpc>
              <a:spcBef>
                <a:spcPts val="1000"/>
              </a:spcBef>
              <a:buNone/>
              <a:defRPr sz="1800">
                <a:solidFill>
                  <a:schemeClr val="bg1"/>
                </a:solidFill>
              </a:defRPr>
            </a:lvl2pPr>
            <a:lvl3pPr marL="914400" indent="0">
              <a:lnSpc>
                <a:spcPct val="140000"/>
              </a:lnSpc>
              <a:spcBef>
                <a:spcPts val="1000"/>
              </a:spcBef>
              <a:buNone/>
              <a:defRPr sz="1800">
                <a:solidFill>
                  <a:schemeClr val="bg1"/>
                </a:solidFill>
              </a:defRPr>
            </a:lvl3pPr>
            <a:lvl4pPr marL="1371600" indent="0">
              <a:lnSpc>
                <a:spcPct val="140000"/>
              </a:lnSpc>
              <a:spcBef>
                <a:spcPts val="1000"/>
              </a:spcBef>
              <a:buNone/>
              <a:defRPr sz="1800">
                <a:solidFill>
                  <a:schemeClr val="bg1"/>
                </a:solidFill>
              </a:defRPr>
            </a:lvl4pPr>
            <a:lvl5pPr marL="1828800" indent="0">
              <a:lnSpc>
                <a:spcPct val="140000"/>
              </a:lnSpc>
              <a:spcBef>
                <a:spcPts val="1000"/>
              </a:spcBef>
              <a:buNone/>
              <a:defRPr sz="1800">
                <a:solidFill>
                  <a:schemeClr val="bg1"/>
                </a:solidFill>
              </a:defRPr>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Footer Placeholder 4">
            <a:extLst>
              <a:ext uri="{FF2B5EF4-FFF2-40B4-BE49-F238E27FC236}">
                <a16:creationId xmlns:a16="http://schemas.microsoft.com/office/drawing/2014/main" id="{7727F11D-8AF8-44D6-A48B-D8C7779B8B08}"/>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6" name="Slide Number Placeholder 5">
            <a:extLst>
              <a:ext uri="{FF2B5EF4-FFF2-40B4-BE49-F238E27FC236}">
                <a16:creationId xmlns:a16="http://schemas.microsoft.com/office/drawing/2014/main" id="{658C0879-6B0F-4AF6-A997-EC61DA8964AE}"/>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98212493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ection Break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018"/>
            <a:ext cx="4179570" cy="3377354"/>
          </a:xfrm>
        </p:spPr>
        <p:txBody>
          <a:bodyPr anchor="b">
            <a:noAutofit/>
          </a:bodyPr>
          <a:lstStyle>
            <a:lvl1pPr algn="l">
              <a:defRPr sz="3600" spc="150" baseline="0">
                <a:solidFill>
                  <a:schemeClr val="tx1"/>
                </a:solidFill>
              </a:defRPr>
            </a:lvl1pPr>
          </a:lstStyle>
          <a:p>
            <a:r>
              <a:rPr lang="en-US"/>
              <a:t>CLICK TO add title</a:t>
            </a:r>
          </a:p>
        </p:txBody>
      </p:sp>
      <p:grpSp>
        <p:nvGrpSpPr>
          <p:cNvPr id="4" name="Group 3">
            <a:extLst>
              <a:ext uri="{FF2B5EF4-FFF2-40B4-BE49-F238E27FC236}">
                <a16:creationId xmlns:a16="http://schemas.microsoft.com/office/drawing/2014/main" id="{4A96E214-6A61-C8A7-B1DB-C8C260C13441}"/>
              </a:ext>
              <a:ext uri="{C183D7F6-B498-43B3-948B-1728B52AA6E4}">
                <adec:decorative xmlns:adec="http://schemas.microsoft.com/office/drawing/2017/decorative" val="1"/>
              </a:ext>
            </a:extLst>
          </p:cNvPr>
          <p:cNvGrpSpPr/>
          <p:nvPr userDrawn="1"/>
        </p:nvGrpSpPr>
        <p:grpSpPr>
          <a:xfrm>
            <a:off x="0" y="0"/>
            <a:ext cx="6557818" cy="6858000"/>
            <a:chOff x="0" y="0"/>
            <a:chExt cx="4762501" cy="5186363"/>
          </a:xfrm>
        </p:grpSpPr>
        <p:cxnSp>
          <p:nvCxnSpPr>
            <p:cNvPr id="5" name="Straight Connector 4">
              <a:extLst>
                <a:ext uri="{FF2B5EF4-FFF2-40B4-BE49-F238E27FC236}">
                  <a16:creationId xmlns:a16="http://schemas.microsoft.com/office/drawing/2014/main" id="{A18BC1BC-99D6-D9F4-19F9-AAE722E2AE61}"/>
                </a:ext>
              </a:extLst>
            </p:cNvPr>
            <p:cNvCxnSpPr>
              <a:cxnSpLocks/>
            </p:cNvCxnSpPr>
            <p:nvPr userDrawn="1"/>
          </p:nvCxnSpPr>
          <p:spPr>
            <a:xfrm flipH="1" flipV="1">
              <a:off x="0" y="876300"/>
              <a:ext cx="4762500" cy="162877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816F797-248B-2C75-29B9-DB65A809D47B}"/>
                </a:ext>
              </a:extLst>
            </p:cNvPr>
            <p:cNvCxnSpPr>
              <a:cxnSpLocks/>
            </p:cNvCxnSpPr>
            <p:nvPr userDrawn="1"/>
          </p:nvCxnSpPr>
          <p:spPr>
            <a:xfrm flipH="1" flipV="1">
              <a:off x="2638425" y="0"/>
              <a:ext cx="2124076" cy="51863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28250179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Section Break 2">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87680"/>
            <a:ext cx="4179570" cy="3376691"/>
          </a:xfrm>
        </p:spPr>
        <p:txBody>
          <a:bodyPr anchor="b">
            <a:noAutofit/>
          </a:bodyPr>
          <a:lstStyle>
            <a:lvl1pPr algn="l">
              <a:defRPr sz="3600" spc="150" baseline="0">
                <a:solidFill>
                  <a:schemeClr val="bg1"/>
                </a:solidFill>
              </a:defRPr>
            </a:lvl1pPr>
          </a:lstStyle>
          <a:p>
            <a:r>
              <a:rPr lang="en-US"/>
              <a:t>CLICK TO add title</a:t>
            </a:r>
          </a:p>
        </p:txBody>
      </p:sp>
      <p:cxnSp>
        <p:nvCxnSpPr>
          <p:cNvPr id="7" name="Straight Connector 6">
            <a:extLst>
              <a:ext uri="{FF2B5EF4-FFF2-40B4-BE49-F238E27FC236}">
                <a16:creationId xmlns:a16="http://schemas.microsoft.com/office/drawing/2014/main" id="{5D8E94DD-0F7B-3F92-58EA-5F06D557BF40}"/>
              </a:ext>
              <a:ext uri="{C183D7F6-B498-43B3-948B-1728B52AA6E4}">
                <adec:decorative xmlns:adec="http://schemas.microsoft.com/office/drawing/2017/decorative" val="1"/>
              </a:ext>
            </a:extLst>
          </p:cNvPr>
          <p:cNvCxnSpPr>
            <a:cxnSpLocks/>
          </p:cNvCxnSpPr>
          <p:nvPr userDrawn="1"/>
        </p:nvCxnSpPr>
        <p:spPr>
          <a:xfrm>
            <a:off x="3990667" y="0"/>
            <a:ext cx="1126278" cy="2512291"/>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Picture Placeholder 8">
            <a:extLst>
              <a:ext uri="{FF2B5EF4-FFF2-40B4-BE49-F238E27FC236}">
                <a16:creationId xmlns:a16="http://schemas.microsoft.com/office/drawing/2014/main" id="{419F5397-34DB-BC88-ADF5-AA470A06FE50}"/>
              </a:ext>
            </a:extLst>
          </p:cNvPr>
          <p:cNvSpPr>
            <a:spLocks noGrp="1"/>
          </p:cNvSpPr>
          <p:nvPr>
            <p:ph type="pic" sz="quarter" idx="10"/>
          </p:nvPr>
        </p:nvSpPr>
        <p:spPr>
          <a:xfrm>
            <a:off x="0" y="-5080"/>
            <a:ext cx="6576291" cy="6872605"/>
          </a:xfrm>
          <a:custGeom>
            <a:avLst/>
            <a:gdLst>
              <a:gd name="connsiteX0" fmla="*/ 0 w 6576291"/>
              <a:gd name="connsiteY0" fmla="*/ 0 h 6867525"/>
              <a:gd name="connsiteX1" fmla="*/ 6576291 w 6576291"/>
              <a:gd name="connsiteY1" fmla="*/ 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044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 name="connsiteX0" fmla="*/ 0 w 6576291"/>
              <a:gd name="connsiteY0" fmla="*/ 0 h 6867525"/>
              <a:gd name="connsiteX1" fmla="*/ 3624811 w 6576291"/>
              <a:gd name="connsiteY1" fmla="*/ 10160 h 6867525"/>
              <a:gd name="connsiteX2" fmla="*/ 6576291 w 6576291"/>
              <a:gd name="connsiteY2" fmla="*/ 6867525 h 6867525"/>
              <a:gd name="connsiteX3" fmla="*/ 0 w 6576291"/>
              <a:gd name="connsiteY3" fmla="*/ 6867525 h 6867525"/>
              <a:gd name="connsiteX4" fmla="*/ 0 w 6576291"/>
              <a:gd name="connsiteY4" fmla="*/ 0 h 6867525"/>
              <a:gd name="connsiteX0" fmla="*/ 0 w 6576291"/>
              <a:gd name="connsiteY0" fmla="*/ 5080 h 6872605"/>
              <a:gd name="connsiteX1" fmla="*/ 3629891 w 6576291"/>
              <a:gd name="connsiteY1" fmla="*/ 0 h 6872605"/>
              <a:gd name="connsiteX2" fmla="*/ 6576291 w 6576291"/>
              <a:gd name="connsiteY2" fmla="*/ 6872605 h 6872605"/>
              <a:gd name="connsiteX3" fmla="*/ 0 w 6576291"/>
              <a:gd name="connsiteY3" fmla="*/ 6872605 h 6872605"/>
              <a:gd name="connsiteX4" fmla="*/ 0 w 6576291"/>
              <a:gd name="connsiteY4" fmla="*/ 5080 h 68726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576291" h="6872605">
                <a:moveTo>
                  <a:pt x="0" y="5080"/>
                </a:moveTo>
                <a:lnTo>
                  <a:pt x="3629891" y="0"/>
                </a:lnTo>
                <a:lnTo>
                  <a:pt x="6576291" y="6872605"/>
                </a:lnTo>
                <a:lnTo>
                  <a:pt x="0" y="6872605"/>
                </a:lnTo>
                <a:lnTo>
                  <a:pt x="0" y="5080"/>
                </a:lnTo>
                <a:close/>
              </a:path>
            </a:pathLst>
          </a:custGeom>
        </p:spPr>
        <p:txBody>
          <a:bodyPr lIns="182880" tIns="182880" bIns="91440">
            <a:normAutofit/>
          </a:bodyPr>
          <a:lstStyle>
            <a:lvl1pPr marL="0" indent="0">
              <a:buNone/>
              <a:defRPr sz="2000">
                <a:solidFill>
                  <a:schemeClr val="bg1"/>
                </a:solidFill>
              </a:defRPr>
            </a:lvl1pPr>
          </a:lstStyle>
          <a:p>
            <a:r>
              <a:rPr lang="en-US"/>
              <a:t>Click icon to add picture</a:t>
            </a:r>
          </a:p>
        </p:txBody>
      </p:sp>
    </p:spTree>
    <p:extLst>
      <p:ext uri="{BB962C8B-B14F-4D97-AF65-F5344CB8AC3E}">
        <p14:creationId xmlns:p14="http://schemas.microsoft.com/office/powerpoint/2010/main" val="375401864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troduc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1322318" y="268360"/>
            <a:ext cx="7288282" cy="212117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EAC9D25F-5B3D-F5B2-5D02-C6BC6AA8987B}"/>
              </a:ext>
            </a:extLst>
          </p:cNvPr>
          <p:cNvSpPr>
            <a:spLocks noGrp="1"/>
          </p:cNvSpPr>
          <p:nvPr>
            <p:ph sz="half" idx="2" hasCustomPrompt="1"/>
          </p:nvPr>
        </p:nvSpPr>
        <p:spPr>
          <a:xfrm>
            <a:off x="1322388" y="2763078"/>
            <a:ext cx="7288212" cy="3407051"/>
          </a:xfrm>
        </p:spPr>
        <p:txBody>
          <a:bodyPr>
            <a:normAutofit/>
          </a:bodyPr>
          <a:lstStyle>
            <a:lvl1pPr marL="0" indent="0">
              <a:lnSpc>
                <a:spcPct val="100000"/>
              </a:lnSpc>
              <a:buFont typeface="Arial" panose="020B0604020202020204" pitchFamily="34" charset="0"/>
              <a:buNone/>
              <a:defRPr sz="1800" b="1"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grpSp>
        <p:nvGrpSpPr>
          <p:cNvPr id="9" name="Group 8">
            <a:extLst>
              <a:ext uri="{FF2B5EF4-FFF2-40B4-BE49-F238E27FC236}">
                <a16:creationId xmlns:a16="http://schemas.microsoft.com/office/drawing/2014/main" id="{18E16CF1-2502-F2F0-2C27-2DD7979033E2}"/>
              </a:ext>
              <a:ext uri="{C183D7F6-B498-43B3-948B-1728B52AA6E4}">
                <adec:decorative xmlns:adec="http://schemas.microsoft.com/office/drawing/2017/decorative" val="1"/>
              </a:ext>
            </a:extLst>
          </p:cNvPr>
          <p:cNvGrpSpPr/>
          <p:nvPr userDrawn="1"/>
        </p:nvGrpSpPr>
        <p:grpSpPr>
          <a:xfrm>
            <a:off x="9096374" y="-25401"/>
            <a:ext cx="3095625" cy="6883401"/>
            <a:chOff x="9096375" y="-25401"/>
            <a:chExt cx="3095625" cy="6883401"/>
          </a:xfrm>
        </p:grpSpPr>
        <p:cxnSp>
          <p:nvCxnSpPr>
            <p:cNvPr id="10" name="Straight Connector 9">
              <a:extLst>
                <a:ext uri="{FF2B5EF4-FFF2-40B4-BE49-F238E27FC236}">
                  <a16:creationId xmlns:a16="http://schemas.microsoft.com/office/drawing/2014/main" id="{6322A6FB-333C-65AE-23D8-08BCEA174D43}"/>
                </a:ext>
              </a:extLst>
            </p:cNvPr>
            <p:cNvCxnSpPr/>
            <p:nvPr userDrawn="1"/>
          </p:nvCxnSpPr>
          <p:spPr>
            <a:xfrm>
              <a:off x="9096375" y="1497012"/>
              <a:ext cx="309562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162BB247-4598-A983-DEBF-6F042C1DB0BC}"/>
                </a:ext>
              </a:extLst>
            </p:cNvPr>
            <p:cNvCxnSpPr>
              <a:cxnSpLocks/>
            </p:cNvCxnSpPr>
            <p:nvPr userDrawn="1"/>
          </p:nvCxnSpPr>
          <p:spPr>
            <a:xfrm flipH="1">
              <a:off x="9381744" y="-25401"/>
              <a:ext cx="2810256" cy="688340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cxnSp>
        <p:nvCxnSpPr>
          <p:cNvPr id="12" name="Straight Connector 11">
            <a:extLst>
              <a:ext uri="{FF2B5EF4-FFF2-40B4-BE49-F238E27FC236}">
                <a16:creationId xmlns:a16="http://schemas.microsoft.com/office/drawing/2014/main" id="{34E84FEE-D475-A71D-7996-5925602ECF9A}"/>
              </a:ext>
              <a:ext uri="{C183D7F6-B498-43B3-948B-1728B52AA6E4}">
                <adec:decorative xmlns:adec="http://schemas.microsoft.com/office/drawing/2017/decorative" val="1"/>
              </a:ext>
            </a:extLst>
          </p:cNvPr>
          <p:cNvCxnSpPr>
            <a:cxnSpLocks/>
          </p:cNvCxnSpPr>
          <p:nvPr userDrawn="1"/>
        </p:nvCxnSpPr>
        <p:spPr>
          <a:xfrm rot="10800000" flipH="1">
            <a:off x="-1" y="-25403"/>
            <a:ext cx="1210573" cy="204816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Footer Placeholder 4">
            <a:extLst>
              <a:ext uri="{FF2B5EF4-FFF2-40B4-BE49-F238E27FC236}">
                <a16:creationId xmlns:a16="http://schemas.microsoft.com/office/drawing/2014/main" id="{7459776D-4049-CB00-C321-0627C169BC51}"/>
              </a:ext>
            </a:extLst>
          </p:cNvPr>
          <p:cNvSpPr>
            <a:spLocks noGrp="1"/>
          </p:cNvSpPr>
          <p:nvPr>
            <p:ph type="ftr" sz="quarter" idx="11"/>
          </p:nvPr>
        </p:nvSpPr>
        <p:spPr>
          <a:xfrm>
            <a:off x="1333500" y="6356349"/>
            <a:ext cx="3819228" cy="365125"/>
          </a:xfrm>
        </p:spPr>
        <p:txBody>
          <a:bodyPr/>
          <a:lstStyle>
            <a:lvl1pPr algn="l">
              <a:defRPr sz="900"/>
            </a:lvl1pPr>
          </a:lstStyle>
          <a:p>
            <a:r>
              <a:rPr lang="en-US"/>
              <a:t>PRESENTATION TITLE</a:t>
            </a:r>
          </a:p>
        </p:txBody>
      </p:sp>
      <p:sp>
        <p:nvSpPr>
          <p:cNvPr id="16" name="Slide Number Placeholder 5">
            <a:extLst>
              <a:ext uri="{FF2B5EF4-FFF2-40B4-BE49-F238E27FC236}">
                <a16:creationId xmlns:a16="http://schemas.microsoft.com/office/drawing/2014/main" id="{EDE114AF-34C6-A062-7340-858BC27DA264}"/>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42497359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ection Break 3">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6991350" y="406400"/>
            <a:ext cx="4179570" cy="3457971"/>
          </a:xfrm>
        </p:spPr>
        <p:txBody>
          <a:bodyPr anchor="b">
            <a:noAutofit/>
          </a:bodyPr>
          <a:lstStyle>
            <a:lvl1pPr algn="l">
              <a:defRPr sz="3600" spc="150" baseline="0">
                <a:solidFill>
                  <a:schemeClr val="bg1"/>
                </a:solidFill>
              </a:defRPr>
            </a:lvl1pPr>
          </a:lstStyle>
          <a:p>
            <a:r>
              <a:rPr lang="en-US"/>
              <a:t>CLICK TO add title</a:t>
            </a:r>
          </a:p>
        </p:txBody>
      </p:sp>
      <p:pic>
        <p:nvPicPr>
          <p:cNvPr id="4" name="Graphic 3">
            <a:extLst>
              <a:ext uri="{FF2B5EF4-FFF2-40B4-BE49-F238E27FC236}">
                <a16:creationId xmlns:a16="http://schemas.microsoft.com/office/drawing/2014/main" id="{5E045004-3604-59DC-13E0-7A0B2DF78C4E}"/>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828675"/>
            <a:ext cx="5876925" cy="5200650"/>
          </a:xfrm>
          <a:prstGeom prst="rect">
            <a:avLst/>
          </a:prstGeom>
        </p:spPr>
      </p:pic>
    </p:spTree>
    <p:extLst>
      <p:ext uri="{BB962C8B-B14F-4D97-AF65-F5344CB8AC3E}">
        <p14:creationId xmlns:p14="http://schemas.microsoft.com/office/powerpoint/2010/main" val="44032969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1">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955F7B05-9431-1FBA-415D-6CF2DF562B97}"/>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39434" t="20278" b="22673"/>
          <a:stretch/>
        </p:blipFill>
        <p:spPr>
          <a:xfrm>
            <a:off x="25785" y="0"/>
            <a:ext cx="4093633" cy="3912394"/>
          </a:xfrm>
          <a:prstGeom prst="rect">
            <a:avLst/>
          </a:prstGeom>
        </p:spPr>
      </p:pic>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2933700" y="568961"/>
            <a:ext cx="8420100"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2933700" y="2797255"/>
            <a:ext cx="3924300"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7FF22E3-5928-787E-B062-FA18127D3BD9}"/>
              </a:ext>
            </a:extLst>
          </p:cNvPr>
          <p:cNvSpPr>
            <a:spLocks noGrp="1"/>
          </p:cNvSpPr>
          <p:nvPr>
            <p:ph sz="half" idx="13" hasCustomPrompt="1"/>
          </p:nvPr>
        </p:nvSpPr>
        <p:spPr>
          <a:xfrm>
            <a:off x="2933700" y="3251596"/>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410173" y="2797255"/>
            <a:ext cx="3943627" cy="464499"/>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9" name="Content Placeholder 3">
            <a:extLst>
              <a:ext uri="{FF2B5EF4-FFF2-40B4-BE49-F238E27FC236}">
                <a16:creationId xmlns:a16="http://schemas.microsoft.com/office/drawing/2014/main" id="{178E4D0B-96F1-45F3-6B2A-5FA31A37257F}"/>
              </a:ext>
            </a:extLst>
          </p:cNvPr>
          <p:cNvSpPr>
            <a:spLocks noGrp="1"/>
          </p:cNvSpPr>
          <p:nvPr>
            <p:ph sz="half" idx="14" hasCustomPrompt="1"/>
          </p:nvPr>
        </p:nvSpPr>
        <p:spPr>
          <a:xfrm>
            <a:off x="7410173" y="3251595"/>
            <a:ext cx="3943627" cy="3234264"/>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3" name="Footer Placeholder 4">
            <a:extLst>
              <a:ext uri="{FF2B5EF4-FFF2-40B4-BE49-F238E27FC236}">
                <a16:creationId xmlns:a16="http://schemas.microsoft.com/office/drawing/2014/main" id="{5F41582C-9AD2-F126-40F3-D43E77D158C8}"/>
              </a:ext>
            </a:extLst>
          </p:cNvPr>
          <p:cNvSpPr>
            <a:spLocks noGrp="1"/>
          </p:cNvSpPr>
          <p:nvPr>
            <p:ph type="ftr" sz="quarter" idx="11"/>
          </p:nvPr>
        </p:nvSpPr>
        <p:spPr>
          <a:xfrm>
            <a:off x="2969260" y="6356349"/>
            <a:ext cx="3819228" cy="365125"/>
          </a:xfrm>
        </p:spPr>
        <p:txBody>
          <a:bodyPr/>
          <a:lstStyle>
            <a:lvl1pPr algn="l">
              <a:defRPr sz="900"/>
            </a:lvl1pPr>
          </a:lstStyle>
          <a:p>
            <a:r>
              <a:rPr lang="en-US"/>
              <a:t>PRESENTATION TITLE</a:t>
            </a:r>
          </a:p>
        </p:txBody>
      </p:sp>
      <p:sp>
        <p:nvSpPr>
          <p:cNvPr id="14" name="Slide Number Placeholder 5">
            <a:extLst>
              <a:ext uri="{FF2B5EF4-FFF2-40B4-BE49-F238E27FC236}">
                <a16:creationId xmlns:a16="http://schemas.microsoft.com/office/drawing/2014/main" id="{341F76B1-7BEF-7A88-1394-1164BFF082E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8401277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ntent 2">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1341120" y="558801"/>
            <a:ext cx="9953308" cy="1780860"/>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grpSp>
        <p:nvGrpSpPr>
          <p:cNvPr id="10" name="Group 9">
            <a:extLst>
              <a:ext uri="{FF2B5EF4-FFF2-40B4-BE49-F238E27FC236}">
                <a16:creationId xmlns:a16="http://schemas.microsoft.com/office/drawing/2014/main" id="{6A217F83-0BDB-C70B-29FE-2651DE191533}"/>
              </a:ext>
              <a:ext uri="{C183D7F6-B498-43B3-948B-1728B52AA6E4}">
                <adec:decorative xmlns:adec="http://schemas.microsoft.com/office/drawing/2017/decorative" val="1"/>
              </a:ext>
            </a:extLst>
          </p:cNvPr>
          <p:cNvGrpSpPr/>
          <p:nvPr userDrawn="1"/>
        </p:nvGrpSpPr>
        <p:grpSpPr>
          <a:xfrm>
            <a:off x="4429817" y="0"/>
            <a:ext cx="7762183" cy="2754814"/>
            <a:chOff x="7334250" y="0"/>
            <a:chExt cx="4857750" cy="1724025"/>
          </a:xfrm>
        </p:grpSpPr>
        <p:cxnSp>
          <p:nvCxnSpPr>
            <p:cNvPr id="11" name="Straight Connector 10">
              <a:extLst>
                <a:ext uri="{FF2B5EF4-FFF2-40B4-BE49-F238E27FC236}">
                  <a16:creationId xmlns:a16="http://schemas.microsoft.com/office/drawing/2014/main" id="{E0C62368-3F79-C078-7086-B23D2F5A09F8}"/>
                </a:ext>
              </a:extLst>
            </p:cNvPr>
            <p:cNvCxnSpPr/>
            <p:nvPr userDrawn="1"/>
          </p:nvCxnSpPr>
          <p:spPr>
            <a:xfrm flipH="1" flipV="1">
              <a:off x="7334250" y="0"/>
              <a:ext cx="485775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609BDD71-BF2E-BDB0-A625-D8371AEA1CAB}"/>
                </a:ext>
              </a:extLst>
            </p:cNvPr>
            <p:cNvCxnSpPr>
              <a:cxnSpLocks/>
            </p:cNvCxnSpPr>
            <p:nvPr userDrawn="1"/>
          </p:nvCxnSpPr>
          <p:spPr>
            <a:xfrm>
              <a:off x="11487150" y="0"/>
              <a:ext cx="704850" cy="172402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Text Placeholder 2">
            <a:extLst>
              <a:ext uri="{FF2B5EF4-FFF2-40B4-BE49-F238E27FC236}">
                <a16:creationId xmlns:a16="http://schemas.microsoft.com/office/drawing/2014/main" id="{83354B96-CD25-BE1C-8CA2-3825F820B759}"/>
              </a:ext>
            </a:extLst>
          </p:cNvPr>
          <p:cNvSpPr>
            <a:spLocks noGrp="1"/>
          </p:cNvSpPr>
          <p:nvPr>
            <p:ph type="body" idx="1" hasCustomPrompt="1"/>
          </p:nvPr>
        </p:nvSpPr>
        <p:spPr>
          <a:xfrm>
            <a:off x="1341120" y="2960877"/>
            <a:ext cx="2722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5" name="Content Placeholder 3">
            <a:extLst>
              <a:ext uri="{FF2B5EF4-FFF2-40B4-BE49-F238E27FC236}">
                <a16:creationId xmlns:a16="http://schemas.microsoft.com/office/drawing/2014/main" id="{CDD81865-54C7-7674-4B2E-041D05C1D146}"/>
              </a:ext>
            </a:extLst>
          </p:cNvPr>
          <p:cNvSpPr>
            <a:spLocks noGrp="1"/>
          </p:cNvSpPr>
          <p:nvPr>
            <p:ph sz="half" idx="15" hasCustomPrompt="1"/>
          </p:nvPr>
        </p:nvSpPr>
        <p:spPr>
          <a:xfrm>
            <a:off x="1341120" y="3392035"/>
            <a:ext cx="2722880" cy="2907164"/>
          </a:xfrm>
        </p:spPr>
        <p:txBody>
          <a:bodyPr tIns="0">
            <a:normAutofit/>
          </a:bodyPr>
          <a:lstStyle>
            <a:lvl1pPr marL="283464" indent="-283464">
              <a:lnSpc>
                <a:spcPct val="100000"/>
              </a:lnSpc>
              <a:buFont typeface="+mj-lt"/>
              <a:buAutoNum type="arabicPeriod"/>
              <a:defRPr sz="1800" b="0" spc="50" baseline="0"/>
            </a:lvl1pPr>
            <a:lvl2pPr marL="566928" indent="-342900">
              <a:lnSpc>
                <a:spcPct val="100000"/>
              </a:lnSpc>
              <a:spcBef>
                <a:spcPts val="1000"/>
              </a:spcBef>
              <a:buFont typeface="+mj-lt"/>
              <a:buAutoNum type="alphaLcPeriod"/>
              <a:defRPr sz="1800" spc="50" baseline="0"/>
            </a:lvl2pPr>
            <a:lvl3pPr marL="850392" indent="-342900">
              <a:lnSpc>
                <a:spcPct val="100000"/>
              </a:lnSpc>
              <a:spcBef>
                <a:spcPts val="1000"/>
              </a:spcBef>
              <a:buFont typeface="+mj-lt"/>
              <a:buAutoNum type="arabicParenR"/>
              <a:defRPr sz="1800" spc="50" baseline="0"/>
            </a:lvl3pPr>
            <a:lvl4pPr marL="1042416" indent="-342900">
              <a:lnSpc>
                <a:spcPct val="100000"/>
              </a:lnSpc>
              <a:spcBef>
                <a:spcPts val="1000"/>
              </a:spcBef>
              <a:buFont typeface="+mj-lt"/>
              <a:buAutoNum type="alphaLcParenR"/>
              <a:defRPr sz="1800" spc="50" baseline="0"/>
            </a:lvl4pPr>
            <a:lvl5pPr marL="1074420" indent="-400050">
              <a:lnSpc>
                <a:spcPct val="100000"/>
              </a:lnSpc>
              <a:spcBef>
                <a:spcPts val="1000"/>
              </a:spcBef>
              <a:buFont typeface="+mj-lt"/>
              <a:buAutoNum type="romanLcPeriod"/>
              <a:defRPr sz="1800" spc="50" baseline="0"/>
            </a:lvl5pPr>
          </a:lstStyle>
          <a:p>
            <a:pPr lvl="0"/>
            <a:r>
              <a:rPr lang="en-US"/>
              <a:t>Click to add content</a:t>
            </a:r>
          </a:p>
          <a:p>
            <a:pPr lvl="1"/>
            <a:r>
              <a:rPr lang="en-US"/>
              <a:t>Second level</a:t>
            </a:r>
          </a:p>
          <a:p>
            <a:pPr lvl="2"/>
            <a:r>
              <a:rPr lang="en-US"/>
              <a:t>Third level</a:t>
            </a:r>
          </a:p>
          <a:p>
            <a:pPr lvl="3"/>
            <a:r>
              <a:rPr lang="en-US"/>
              <a:t>Fourth level</a:t>
            </a:r>
          </a:p>
        </p:txBody>
      </p:sp>
      <p:sp>
        <p:nvSpPr>
          <p:cNvPr id="17" name="Text Placeholder 2">
            <a:extLst>
              <a:ext uri="{FF2B5EF4-FFF2-40B4-BE49-F238E27FC236}">
                <a16:creationId xmlns:a16="http://schemas.microsoft.com/office/drawing/2014/main" id="{6F39BA57-7F1C-623F-BC7F-B689C5AC33EA}"/>
              </a:ext>
            </a:extLst>
          </p:cNvPr>
          <p:cNvSpPr>
            <a:spLocks noGrp="1"/>
          </p:cNvSpPr>
          <p:nvPr>
            <p:ph type="body" idx="10" hasCustomPrompt="1"/>
          </p:nvPr>
        </p:nvSpPr>
        <p:spPr>
          <a:xfrm>
            <a:off x="4754881" y="2960877"/>
            <a:ext cx="5516880" cy="351284"/>
          </a:xfrm>
        </p:spPr>
        <p:txBody>
          <a:bodyPr anchor="t">
            <a:norm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3" name="Content Placeholder 3">
            <a:extLst>
              <a:ext uri="{FF2B5EF4-FFF2-40B4-BE49-F238E27FC236}">
                <a16:creationId xmlns:a16="http://schemas.microsoft.com/office/drawing/2014/main" id="{94BF07A4-5A33-0B3C-A378-AB2435F1D5FF}"/>
              </a:ext>
            </a:extLst>
          </p:cNvPr>
          <p:cNvSpPr>
            <a:spLocks noGrp="1"/>
          </p:cNvSpPr>
          <p:nvPr>
            <p:ph sz="half" idx="14" hasCustomPrompt="1"/>
          </p:nvPr>
        </p:nvSpPr>
        <p:spPr>
          <a:xfrm>
            <a:off x="4754881" y="3324859"/>
            <a:ext cx="5506720" cy="303148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43000"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19" name="Footer Placeholder 4">
            <a:extLst>
              <a:ext uri="{FF2B5EF4-FFF2-40B4-BE49-F238E27FC236}">
                <a16:creationId xmlns:a16="http://schemas.microsoft.com/office/drawing/2014/main" id="{63DC63A6-41FE-6C2D-9A53-0AE4A6DBF39B}"/>
              </a:ext>
            </a:extLst>
          </p:cNvPr>
          <p:cNvSpPr>
            <a:spLocks noGrp="1"/>
          </p:cNvSpPr>
          <p:nvPr>
            <p:ph type="ftr" sz="quarter" idx="12"/>
          </p:nvPr>
        </p:nvSpPr>
        <p:spPr>
          <a:xfrm>
            <a:off x="1333500" y="6356349"/>
            <a:ext cx="3819228" cy="365125"/>
          </a:xfrm>
        </p:spPr>
        <p:txBody>
          <a:bodyPr/>
          <a:lstStyle>
            <a:lvl1pPr algn="l">
              <a:defRPr sz="900"/>
            </a:lvl1pPr>
          </a:lstStyle>
          <a:p>
            <a:r>
              <a:rPr lang="en-US"/>
              <a:t>PRESENTATION TITLE</a:t>
            </a:r>
          </a:p>
        </p:txBody>
      </p:sp>
      <p:sp>
        <p:nvSpPr>
          <p:cNvPr id="20" name="Slide Number Placeholder 5">
            <a:extLst>
              <a:ext uri="{FF2B5EF4-FFF2-40B4-BE49-F238E27FC236}">
                <a16:creationId xmlns:a16="http://schemas.microsoft.com/office/drawing/2014/main" id="{0B5130EC-B05B-5489-FBEC-DBEB6D1E737D}"/>
              </a:ext>
            </a:extLst>
          </p:cNvPr>
          <p:cNvSpPr>
            <a:spLocks noGrp="1"/>
          </p:cNvSpPr>
          <p:nvPr>
            <p:ph type="sldNum" sz="quarter" idx="13"/>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211208553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3B2CC92D-F90A-CB67-4860-D6939AC29566}"/>
              </a:ext>
              <a:ext uri="{C183D7F6-B498-43B3-948B-1728B52AA6E4}">
                <adec:decorative xmlns:adec="http://schemas.microsoft.com/office/drawing/2017/decorative" val="1"/>
              </a:ext>
            </a:extLst>
          </p:cNvPr>
          <p:cNvCxnSpPr>
            <a:cxnSpLocks/>
          </p:cNvCxnSpPr>
          <p:nvPr userDrawn="1"/>
        </p:nvCxnSpPr>
        <p:spPr>
          <a:xfrm flipH="1" flipV="1">
            <a:off x="3094182" y="0"/>
            <a:ext cx="1745673" cy="3897745"/>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23A3821F-4537-4AE7-8829-C2E3AE60F6E1}"/>
              </a:ext>
            </a:extLst>
          </p:cNvPr>
          <p:cNvSpPr>
            <a:spLocks noGrp="1"/>
          </p:cNvSpPr>
          <p:nvPr>
            <p:ph type="title" hasCustomPrompt="1"/>
          </p:nvPr>
        </p:nvSpPr>
        <p:spPr>
          <a:xfrm>
            <a:off x="5476874" y="1671639"/>
            <a:ext cx="5884027" cy="1204912"/>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13" name="Picture Placeholder 12">
            <a:extLst>
              <a:ext uri="{FF2B5EF4-FFF2-40B4-BE49-F238E27FC236}">
                <a16:creationId xmlns:a16="http://schemas.microsoft.com/office/drawing/2014/main" id="{4C376638-5C5B-8E5B-0C26-8F63B98EA417}"/>
              </a:ext>
            </a:extLst>
          </p:cNvPr>
          <p:cNvSpPr>
            <a:spLocks noGrp="1"/>
          </p:cNvSpPr>
          <p:nvPr>
            <p:ph type="pic" sz="quarter" idx="13"/>
          </p:nvPr>
        </p:nvSpPr>
        <p:spPr>
          <a:xfrm>
            <a:off x="-28230" y="-9144"/>
            <a:ext cx="5481955" cy="6876288"/>
          </a:xfrm>
          <a:custGeom>
            <a:avLst/>
            <a:gdLst>
              <a:gd name="connsiteX0" fmla="*/ 0 w 5476875"/>
              <a:gd name="connsiteY0" fmla="*/ 0 h 6858000"/>
              <a:gd name="connsiteX1" fmla="*/ 547687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0 w 5476875"/>
              <a:gd name="connsiteY0" fmla="*/ 0 h 6858000"/>
              <a:gd name="connsiteX1" fmla="*/ 2520315 w 5476875"/>
              <a:gd name="connsiteY1" fmla="*/ 0 h 6858000"/>
              <a:gd name="connsiteX2" fmla="*/ 5476875 w 5476875"/>
              <a:gd name="connsiteY2" fmla="*/ 6858000 h 6858000"/>
              <a:gd name="connsiteX3" fmla="*/ 0 w 5476875"/>
              <a:gd name="connsiteY3" fmla="*/ 6858000 h 6858000"/>
              <a:gd name="connsiteX4" fmla="*/ 0 w 5476875"/>
              <a:gd name="connsiteY4" fmla="*/ 0 h 6858000"/>
              <a:gd name="connsiteX0" fmla="*/ 5080 w 5481955"/>
              <a:gd name="connsiteY0" fmla="*/ 0 h 6858000"/>
              <a:gd name="connsiteX1" fmla="*/ 2525395 w 5481955"/>
              <a:gd name="connsiteY1" fmla="*/ 0 h 6858000"/>
              <a:gd name="connsiteX2" fmla="*/ 5481955 w 5481955"/>
              <a:gd name="connsiteY2" fmla="*/ 6858000 h 6858000"/>
              <a:gd name="connsiteX3" fmla="*/ 5080 w 5481955"/>
              <a:gd name="connsiteY3" fmla="*/ 6858000 h 6858000"/>
              <a:gd name="connsiteX4" fmla="*/ 0 w 5481955"/>
              <a:gd name="connsiteY4" fmla="*/ 4805680 h 6858000"/>
              <a:gd name="connsiteX5" fmla="*/ 5080 w 5481955"/>
              <a:gd name="connsiteY5" fmla="*/ 0 h 685800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80568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 name="connsiteX0" fmla="*/ 5080 w 5481955"/>
              <a:gd name="connsiteY0" fmla="*/ 0 h 6863080"/>
              <a:gd name="connsiteX1" fmla="*/ 2525395 w 5481955"/>
              <a:gd name="connsiteY1" fmla="*/ 0 h 6863080"/>
              <a:gd name="connsiteX2" fmla="*/ 5481955 w 5481955"/>
              <a:gd name="connsiteY2" fmla="*/ 6858000 h 6863080"/>
              <a:gd name="connsiteX3" fmla="*/ 899160 w 5481955"/>
              <a:gd name="connsiteY3" fmla="*/ 6863080 h 6863080"/>
              <a:gd name="connsiteX4" fmla="*/ 0 w 5481955"/>
              <a:gd name="connsiteY4" fmla="*/ 4759960 h 6863080"/>
              <a:gd name="connsiteX5" fmla="*/ 5080 w 5481955"/>
              <a:gd name="connsiteY5" fmla="*/ 0 h 6863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481955" h="6863080">
                <a:moveTo>
                  <a:pt x="5080" y="0"/>
                </a:moveTo>
                <a:lnTo>
                  <a:pt x="2525395" y="0"/>
                </a:lnTo>
                <a:lnTo>
                  <a:pt x="5481955" y="6858000"/>
                </a:lnTo>
                <a:lnTo>
                  <a:pt x="899160" y="6863080"/>
                </a:lnTo>
                <a:cubicBezTo>
                  <a:pt x="506307" y="5933440"/>
                  <a:pt x="413173" y="5720080"/>
                  <a:pt x="0" y="4759960"/>
                </a:cubicBezTo>
                <a:cubicBezTo>
                  <a:pt x="1693" y="3158067"/>
                  <a:pt x="3387" y="1601893"/>
                  <a:pt x="5080" y="0"/>
                </a:cubicBezTo>
                <a:close/>
              </a:path>
            </a:pathLst>
          </a:custGeom>
        </p:spPr>
        <p:txBody>
          <a:bodyPr lIns="274320" tIns="91440" bIns="91440">
            <a:normAutofit/>
          </a:bodyPr>
          <a:lstStyle>
            <a:lvl1pPr marL="0" indent="0" algn="l">
              <a:buNone/>
              <a:defRPr sz="2000">
                <a:solidFill>
                  <a:schemeClr val="tx1"/>
                </a:solidFill>
              </a:defRPr>
            </a:lvl1pPr>
          </a:lstStyle>
          <a:p>
            <a:r>
              <a:rPr lang="en-US"/>
              <a:t>Click icon to add picture</a:t>
            </a:r>
          </a:p>
        </p:txBody>
      </p:sp>
      <p:sp>
        <p:nvSpPr>
          <p:cNvPr id="4" name="Footer Placeholder 4">
            <a:extLst>
              <a:ext uri="{FF2B5EF4-FFF2-40B4-BE49-F238E27FC236}">
                <a16:creationId xmlns:a16="http://schemas.microsoft.com/office/drawing/2014/main" id="{04569D00-2037-2A8D-943B-22FAC1C0B690}"/>
              </a:ext>
            </a:extLst>
          </p:cNvPr>
          <p:cNvSpPr>
            <a:spLocks noGrp="1"/>
          </p:cNvSpPr>
          <p:nvPr>
            <p:ph type="ftr" sz="quarter" idx="11"/>
          </p:nvPr>
        </p:nvSpPr>
        <p:spPr>
          <a:xfrm>
            <a:off x="825500" y="6356349"/>
            <a:ext cx="3819228" cy="365125"/>
          </a:xfrm>
        </p:spPr>
        <p:txBody>
          <a:bodyPr/>
          <a:lstStyle>
            <a:lvl1pPr algn="l">
              <a:defRPr sz="900"/>
            </a:lvl1pPr>
          </a:lstStyle>
          <a:p>
            <a:r>
              <a:rPr lang="en-US"/>
              <a:t>PRESENTATION TITLE</a:t>
            </a:r>
          </a:p>
        </p:txBody>
      </p:sp>
      <p:sp>
        <p:nvSpPr>
          <p:cNvPr id="5" name="Slide Number Placeholder 5">
            <a:extLst>
              <a:ext uri="{FF2B5EF4-FFF2-40B4-BE49-F238E27FC236}">
                <a16:creationId xmlns:a16="http://schemas.microsoft.com/office/drawing/2014/main" id="{75967A9D-0B53-4F3F-0872-495C23A33235}"/>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
        <p:nvSpPr>
          <p:cNvPr id="8" name="Content Placeholder 3">
            <a:extLst>
              <a:ext uri="{FF2B5EF4-FFF2-40B4-BE49-F238E27FC236}">
                <a16:creationId xmlns:a16="http://schemas.microsoft.com/office/drawing/2014/main" id="{643B0E9A-A777-8745-6A36-0A79CB5E036B}"/>
              </a:ext>
            </a:extLst>
          </p:cNvPr>
          <p:cNvSpPr>
            <a:spLocks noGrp="1"/>
          </p:cNvSpPr>
          <p:nvPr>
            <p:ph sz="half" idx="14" hasCustomPrompt="1"/>
          </p:nvPr>
        </p:nvSpPr>
        <p:spPr>
          <a:xfrm>
            <a:off x="5453725" y="3660774"/>
            <a:ext cx="5907176" cy="2536826"/>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17780591"/>
      </p:ext>
    </p:extLst>
  </p:cSld>
  <p:clrMapOvr>
    <a:masterClrMapping/>
  </p:clrMapOvr>
  <p:extLst>
    <p:ext uri="{DCECCB84-F9BA-43D5-87BE-67443E8EF086}">
      <p15:sldGuideLst xmlns:p15="http://schemas.microsoft.com/office/powerpoint/2012/main">
        <p15:guide id="1" pos="300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B2054-1AE7-534F-0CFE-1F0628A09FC1}"/>
              </a:ext>
            </a:extLst>
          </p:cNvPr>
          <p:cNvSpPr>
            <a:spLocks noGrp="1"/>
          </p:cNvSpPr>
          <p:nvPr>
            <p:ph type="title"/>
          </p:nvPr>
        </p:nvSpPr>
        <p:spPr>
          <a:xfrm>
            <a:off x="340138" y="2243708"/>
            <a:ext cx="9156288" cy="3776091"/>
          </a:xfrm>
        </p:spPr>
        <p:txBody>
          <a:bodyPr anchor="b">
            <a:normAutofit/>
          </a:bodyPr>
          <a:lstStyle>
            <a:lvl1pPr>
              <a:defRPr sz="6600"/>
            </a:lvl1pPr>
          </a:lstStyle>
          <a:p>
            <a:r>
              <a:rPr lang="en-US"/>
              <a:t>Click to edit Master title style</a:t>
            </a:r>
          </a:p>
        </p:txBody>
      </p:sp>
      <p:sp>
        <p:nvSpPr>
          <p:cNvPr id="3" name="Text Placeholder 2">
            <a:extLst>
              <a:ext uri="{FF2B5EF4-FFF2-40B4-BE49-F238E27FC236}">
                <a16:creationId xmlns:a16="http://schemas.microsoft.com/office/drawing/2014/main" id="{3988EC2A-45C7-131C-0F4A-56E62EB029C2}"/>
              </a:ext>
            </a:extLst>
          </p:cNvPr>
          <p:cNvSpPr>
            <a:spLocks noGrp="1"/>
          </p:cNvSpPr>
          <p:nvPr>
            <p:ph type="body" idx="1"/>
          </p:nvPr>
        </p:nvSpPr>
        <p:spPr>
          <a:xfrm>
            <a:off x="340137" y="838201"/>
            <a:ext cx="9156289" cy="1405508"/>
          </a:xfrm>
        </p:spPr>
        <p:txBody>
          <a:bodyPr>
            <a:normAutofit/>
          </a:bodyPr>
          <a:lstStyle>
            <a:lvl1pPr marL="0" indent="0">
              <a:buNone/>
              <a:defRPr sz="20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C75A323-2679-E978-8856-2FEBE8F5AE45}"/>
              </a:ext>
            </a:extLst>
          </p:cNvPr>
          <p:cNvSpPr>
            <a:spLocks noGrp="1"/>
          </p:cNvSpPr>
          <p:nvPr>
            <p:ph type="dt" sz="half" idx="10"/>
          </p:nvPr>
        </p:nvSpPr>
        <p:spPr/>
        <p:txBody>
          <a:bodyPr/>
          <a:lstStyle/>
          <a:p>
            <a:fld id="{6477AEB6-FCE1-4CD5-923B-84E54F1460D5}" type="datetimeFigureOut">
              <a:rPr lang="en-US" dirty="0"/>
              <a:t>10/7/2024</a:t>
            </a:fld>
            <a:endParaRPr lang="en-US"/>
          </a:p>
        </p:txBody>
      </p:sp>
      <p:sp>
        <p:nvSpPr>
          <p:cNvPr id="5" name="Footer Placeholder 4">
            <a:extLst>
              <a:ext uri="{FF2B5EF4-FFF2-40B4-BE49-F238E27FC236}">
                <a16:creationId xmlns:a16="http://schemas.microsoft.com/office/drawing/2014/main" id="{2C971DC2-625E-0477-BF8C-F3CDDCE4B11E}"/>
              </a:ext>
            </a:extLst>
          </p:cNvPr>
          <p:cNvSpPr>
            <a:spLocks noGrp="1"/>
          </p:cNvSpPr>
          <p:nvPr>
            <p:ph type="ftr" sz="quarter" idx="11"/>
          </p:nvPr>
        </p:nvSpPr>
        <p:spPr/>
        <p:txBody>
          <a:bodyPr/>
          <a:lstStyle/>
          <a:p>
            <a:r>
              <a:rPr lang="en-US"/>
              <a:t>
              </a:t>
            </a:r>
          </a:p>
        </p:txBody>
      </p:sp>
      <p:sp>
        <p:nvSpPr>
          <p:cNvPr id="6" name="Slide Number Placeholder 5">
            <a:extLst>
              <a:ext uri="{FF2B5EF4-FFF2-40B4-BE49-F238E27FC236}">
                <a16:creationId xmlns:a16="http://schemas.microsoft.com/office/drawing/2014/main" id="{8EF1A644-D449-E464-C2DF-F045A51899D0}"/>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99787309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able 1">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1" y="895350"/>
            <a:ext cx="3247662" cy="1917700"/>
          </a:xfrm>
        </p:spPr>
        <p:txBody>
          <a:bodyPr>
            <a:normAutofit/>
          </a:bodyPr>
          <a:lstStyle>
            <a:lvl1pPr algn="l">
              <a:defRPr lang="en-US" sz="2400" kern="1200" spc="150" baseline="0" dirty="0">
                <a:solidFill>
                  <a:schemeClr val="tx1"/>
                </a:solidFill>
                <a:latin typeface="+mj-lt"/>
                <a:ea typeface="+mj-ea"/>
                <a:cs typeface="+mj-cs"/>
              </a:defRPr>
            </a:lvl1pPr>
          </a:lstStyle>
          <a:p>
            <a:r>
              <a:rPr lang="en-US"/>
              <a:t>CLICK TO add title</a:t>
            </a:r>
          </a:p>
        </p:txBody>
      </p:sp>
      <p:sp>
        <p:nvSpPr>
          <p:cNvPr id="3" name="Content Placeholder 3">
            <a:extLst>
              <a:ext uri="{FF2B5EF4-FFF2-40B4-BE49-F238E27FC236}">
                <a16:creationId xmlns:a16="http://schemas.microsoft.com/office/drawing/2014/main" id="{A14C3057-3BCC-F9A2-98D8-17DDB36F1823}"/>
              </a:ext>
            </a:extLst>
          </p:cNvPr>
          <p:cNvSpPr>
            <a:spLocks noGrp="1"/>
          </p:cNvSpPr>
          <p:nvPr>
            <p:ph sz="half" idx="16" hasCustomPrompt="1"/>
          </p:nvPr>
        </p:nvSpPr>
        <p:spPr>
          <a:xfrm>
            <a:off x="838200" y="2813049"/>
            <a:ext cx="3247662" cy="3238499"/>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4216396" y="895927"/>
            <a:ext cx="7137404" cy="5115889"/>
          </a:xfrm>
        </p:spPr>
        <p:txBody>
          <a:bodyPr>
            <a:normAutofit/>
          </a:bodyPr>
          <a:lstStyle>
            <a:lvl1pPr marL="0" indent="0" algn="ctr">
              <a:buNone/>
              <a:defRPr sz="2000"/>
            </a:lvl1pPr>
          </a:lstStyle>
          <a:p>
            <a:r>
              <a:rPr lang="en-US"/>
              <a:t>Click icon to add table</a:t>
            </a:r>
          </a:p>
        </p:txBody>
      </p:sp>
      <p:sp>
        <p:nvSpPr>
          <p:cNvPr id="10" name="Footer Placeholder 4">
            <a:extLst>
              <a:ext uri="{FF2B5EF4-FFF2-40B4-BE49-F238E27FC236}">
                <a16:creationId xmlns:a16="http://schemas.microsoft.com/office/drawing/2014/main" id="{5F91997C-538B-C8B9-14D7-31A1932F69C3}"/>
              </a:ext>
            </a:extLst>
          </p:cNvPr>
          <p:cNvSpPr>
            <a:spLocks noGrp="1"/>
          </p:cNvSpPr>
          <p:nvPr>
            <p:ph type="ftr" sz="quarter" idx="11"/>
          </p:nvPr>
        </p:nvSpPr>
        <p:spPr>
          <a:xfrm>
            <a:off x="731615" y="6356349"/>
            <a:ext cx="3819228" cy="365125"/>
          </a:xfrm>
        </p:spPr>
        <p:txBody>
          <a:bodyPr/>
          <a:lstStyle>
            <a:lvl1pPr algn="l">
              <a:defRPr sz="900"/>
            </a:lvl1pPr>
          </a:lstStyle>
          <a:p>
            <a:r>
              <a:rPr lang="en-US"/>
              <a:t>PRESENTATION TITLE</a:t>
            </a:r>
          </a:p>
        </p:txBody>
      </p:sp>
      <p:sp>
        <p:nvSpPr>
          <p:cNvPr id="11" name="Slide Number Placeholder 5">
            <a:extLst>
              <a:ext uri="{FF2B5EF4-FFF2-40B4-BE49-F238E27FC236}">
                <a16:creationId xmlns:a16="http://schemas.microsoft.com/office/drawing/2014/main" id="{1F777EF4-982E-9337-7E82-31DC723C1273}"/>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grpSp>
        <p:nvGrpSpPr>
          <p:cNvPr id="14" name="Group 13">
            <a:extLst>
              <a:ext uri="{FF2B5EF4-FFF2-40B4-BE49-F238E27FC236}">
                <a16:creationId xmlns:a16="http://schemas.microsoft.com/office/drawing/2014/main" id="{E34303BA-AFB6-0E22-486F-785994E3B7B1}"/>
              </a:ext>
              <a:ext uri="{C183D7F6-B498-43B3-948B-1728B52AA6E4}">
                <adec:decorative xmlns:adec="http://schemas.microsoft.com/office/drawing/2017/decorative" val="1"/>
              </a:ext>
            </a:extLst>
          </p:cNvPr>
          <p:cNvGrpSpPr/>
          <p:nvPr userDrawn="1"/>
        </p:nvGrpSpPr>
        <p:grpSpPr>
          <a:xfrm>
            <a:off x="0" y="0"/>
            <a:ext cx="2327564" cy="1505528"/>
            <a:chOff x="0" y="0"/>
            <a:chExt cx="2238376" cy="3105150"/>
          </a:xfrm>
        </p:grpSpPr>
        <p:cxnSp>
          <p:nvCxnSpPr>
            <p:cNvPr id="15" name="Straight Connector 14">
              <a:extLst>
                <a:ext uri="{FF2B5EF4-FFF2-40B4-BE49-F238E27FC236}">
                  <a16:creationId xmlns:a16="http://schemas.microsoft.com/office/drawing/2014/main" id="{F66E3A08-02EB-7B54-5089-E7A7F19FD725}"/>
                </a:ext>
              </a:extLst>
            </p:cNvPr>
            <p:cNvCxnSpPr>
              <a:cxnSpLocks/>
            </p:cNvCxnSpPr>
            <p:nvPr userDrawn="1"/>
          </p:nvCxnSpPr>
          <p:spPr>
            <a:xfrm flipH="1">
              <a:off x="0" y="0"/>
              <a:ext cx="1238250" cy="310515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14F9BE5-00B2-ADDF-771C-AB098B36C820}"/>
                </a:ext>
              </a:extLst>
            </p:cNvPr>
            <p:cNvCxnSpPr>
              <a:cxnSpLocks/>
            </p:cNvCxnSpPr>
            <p:nvPr userDrawn="1"/>
          </p:nvCxnSpPr>
          <p:spPr>
            <a:xfrm flipH="1">
              <a:off x="0" y="0"/>
              <a:ext cx="2238376" cy="24765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28081630"/>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wo Content">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F3B5C-31C4-46BA-9FAD-72DF917A84DA}"/>
              </a:ext>
            </a:extLst>
          </p:cNvPr>
          <p:cNvSpPr>
            <a:spLocks noGrp="1"/>
          </p:cNvSpPr>
          <p:nvPr>
            <p:ph type="title" hasCustomPrompt="1"/>
          </p:nvPr>
        </p:nvSpPr>
        <p:spPr>
          <a:xfrm>
            <a:off x="838200" y="337192"/>
            <a:ext cx="5655197" cy="1997867"/>
          </a:xfrm>
        </p:spPr>
        <p:txBody>
          <a:bodyPr anchor="b">
            <a:normAutofit/>
          </a:bodyPr>
          <a:lstStyle>
            <a:lvl1pPr>
              <a:defRPr lang="en-US" sz="2800" kern="1200" spc="150" baseline="0" dirty="0">
                <a:solidFill>
                  <a:schemeClr val="tx1"/>
                </a:solidFill>
                <a:latin typeface="+mj-lt"/>
                <a:ea typeface="+mj-ea"/>
                <a:cs typeface="+mj-cs"/>
              </a:defRPr>
            </a:lvl1pPr>
          </a:lstStyle>
          <a:p>
            <a:r>
              <a:rPr lang="en-US"/>
              <a:t>CLICK TO add title</a:t>
            </a:r>
          </a:p>
        </p:txBody>
      </p:sp>
      <p:sp>
        <p:nvSpPr>
          <p:cNvPr id="3" name="Text Placeholder 2">
            <a:extLst>
              <a:ext uri="{FF2B5EF4-FFF2-40B4-BE49-F238E27FC236}">
                <a16:creationId xmlns:a16="http://schemas.microsoft.com/office/drawing/2014/main" id="{B659CD1F-9DFB-4048-9B9B-2BD7D4EC6400}"/>
              </a:ext>
            </a:extLst>
          </p:cNvPr>
          <p:cNvSpPr>
            <a:spLocks noGrp="1"/>
          </p:cNvSpPr>
          <p:nvPr>
            <p:ph type="body" idx="1" hasCustomPrompt="1"/>
          </p:nvPr>
        </p:nvSpPr>
        <p:spPr>
          <a:xfrm>
            <a:off x="838200" y="2705177"/>
            <a:ext cx="5733772" cy="448990"/>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4" name="Content Placeholder 3">
            <a:extLst>
              <a:ext uri="{FF2B5EF4-FFF2-40B4-BE49-F238E27FC236}">
                <a16:creationId xmlns:a16="http://schemas.microsoft.com/office/drawing/2014/main" id="{AC9B20CF-6B91-4562-B799-0ABDAEBC0D2A}"/>
              </a:ext>
            </a:extLst>
          </p:cNvPr>
          <p:cNvSpPr>
            <a:spLocks noGrp="1"/>
          </p:cNvSpPr>
          <p:nvPr>
            <p:ph sz="half" idx="2" hasCustomPrompt="1"/>
          </p:nvPr>
        </p:nvSpPr>
        <p:spPr>
          <a:xfrm>
            <a:off x="838199" y="3154166"/>
            <a:ext cx="5733773" cy="3032733"/>
          </a:xfrm>
        </p:spPr>
        <p:txBody>
          <a:bodyPr>
            <a:normAutofit/>
          </a:bodyPr>
          <a:lstStyle>
            <a:lvl1pPr marL="285750" indent="-285750">
              <a:lnSpc>
                <a:spcPct val="100000"/>
              </a:lnSpc>
              <a:buFont typeface="Arial" panose="020B0604020202020204" pitchFamily="34" charset="0"/>
              <a:buChar char="•"/>
              <a:defRPr sz="1800" spc="50" baseline="0"/>
            </a:lvl1pPr>
            <a:lvl2pPr marL="742950" indent="-285750">
              <a:lnSpc>
                <a:spcPct val="100000"/>
              </a:lnSpc>
              <a:buFont typeface="Arial" panose="020B0604020202020204" pitchFamily="34" charset="0"/>
              <a:buChar char="•"/>
              <a:defRPr sz="1800" spc="50" baseline="0"/>
            </a:lvl2pPr>
            <a:lvl3pPr marL="1200150" indent="-285750">
              <a:lnSpc>
                <a:spcPct val="100000"/>
              </a:lnSpc>
              <a:buFont typeface="Arial" panose="020B0604020202020204" pitchFamily="34" charset="0"/>
              <a:buChar char="•"/>
              <a:defRPr sz="1800" spc="50" baseline="0"/>
            </a:lvl3pPr>
            <a:lvl4pPr marL="1657350" indent="-285750">
              <a:lnSpc>
                <a:spcPct val="100000"/>
              </a:lnSpc>
              <a:buFont typeface="Arial" panose="020B0604020202020204" pitchFamily="34" charset="0"/>
              <a:buChar char="•"/>
              <a:defRPr sz="1800" spc="50" baseline="0"/>
            </a:lvl4pPr>
            <a:lvl5pPr marL="2114550" indent="-285750">
              <a:lnSpc>
                <a:spcPct val="100000"/>
              </a:lnSpc>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374FC39-67F6-42EA-BCD1-F69AE2F0F22D}"/>
              </a:ext>
            </a:extLst>
          </p:cNvPr>
          <p:cNvSpPr>
            <a:spLocks noGrp="1"/>
          </p:cNvSpPr>
          <p:nvPr>
            <p:ph type="body" sz="quarter" idx="3" hasCustomPrompt="1"/>
          </p:nvPr>
        </p:nvSpPr>
        <p:spPr>
          <a:xfrm>
            <a:off x="7887108" y="2705177"/>
            <a:ext cx="3943627" cy="448989"/>
          </a:xfrm>
        </p:spPr>
        <p:txBody>
          <a:bodyPr anchor="ctr">
            <a:noAutofit/>
          </a:bodyPr>
          <a:lstStyle>
            <a:lvl1pPr marL="0" indent="0">
              <a:buNone/>
              <a:defRPr lang="en-US" sz="1800" b="1" kern="1200" spc="50" baseline="0" dirty="0" smtClean="0">
                <a:solidFill>
                  <a:schemeClr val="tx1"/>
                </a:solidFill>
                <a:latin typeface="+mj-lt"/>
                <a:ea typeface="+mj-ea"/>
                <a:cs typeface="+mj-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add text</a:t>
            </a:r>
          </a:p>
        </p:txBody>
      </p:sp>
      <p:sp>
        <p:nvSpPr>
          <p:cNvPr id="7" name="Content Placeholder 3">
            <a:extLst>
              <a:ext uri="{FF2B5EF4-FFF2-40B4-BE49-F238E27FC236}">
                <a16:creationId xmlns:a16="http://schemas.microsoft.com/office/drawing/2014/main" id="{0120DFF5-B64A-9744-4500-1D7BBA19BF1C}"/>
              </a:ext>
            </a:extLst>
          </p:cNvPr>
          <p:cNvSpPr>
            <a:spLocks noGrp="1"/>
          </p:cNvSpPr>
          <p:nvPr>
            <p:ph sz="half" idx="14" hasCustomPrompt="1"/>
          </p:nvPr>
        </p:nvSpPr>
        <p:spPr>
          <a:xfrm>
            <a:off x="7887107" y="3164867"/>
            <a:ext cx="3943627" cy="3032733"/>
          </a:xfrm>
        </p:spPr>
        <p:txBody>
          <a:bodyPr tIns="0">
            <a:normAutofit/>
          </a:bodyPr>
          <a:lstStyle>
            <a:lvl1pPr marL="0" indent="0">
              <a:lnSpc>
                <a:spcPct val="100000"/>
              </a:lnSpc>
              <a:buFont typeface="Arial" panose="020B0604020202020204" pitchFamily="34" charset="0"/>
              <a:buNone/>
              <a:defRPr sz="1800" b="0" spc="50" baseline="0"/>
            </a:lvl1pPr>
            <a:lvl2pPr marL="283464" indent="-285750">
              <a:lnSpc>
                <a:spcPct val="100000"/>
              </a:lnSpc>
              <a:spcBef>
                <a:spcPts val="1000"/>
              </a:spcBef>
              <a:buFont typeface="Arial" panose="020B0604020202020204" pitchFamily="34" charset="0"/>
              <a:buChar char="•"/>
              <a:defRPr sz="1800" spc="50" baseline="0"/>
            </a:lvl2pPr>
            <a:lvl3pPr marL="566928" indent="-285750">
              <a:lnSpc>
                <a:spcPct val="100000"/>
              </a:lnSpc>
              <a:spcBef>
                <a:spcPts val="1000"/>
              </a:spcBef>
              <a:buFont typeface="Arial" panose="020B0604020202020204" pitchFamily="34" charset="0"/>
              <a:buChar char="•"/>
              <a:defRPr sz="1800" spc="50" baseline="0"/>
            </a:lvl3pPr>
            <a:lvl4pPr marL="859536" indent="-285750">
              <a:lnSpc>
                <a:spcPct val="100000"/>
              </a:lnSpc>
              <a:spcBef>
                <a:spcPts val="1000"/>
              </a:spcBef>
              <a:buFont typeface="Arial" panose="020B0604020202020204" pitchFamily="34" charset="0"/>
              <a:buChar char="•"/>
              <a:defRPr sz="1800" spc="50" baseline="0"/>
            </a:lvl4pPr>
            <a:lvl5pPr marL="1152144" indent="-285750">
              <a:lnSpc>
                <a:spcPct val="100000"/>
              </a:lnSpc>
              <a:spcBef>
                <a:spcPts val="1000"/>
              </a:spcBef>
              <a:buFont typeface="Arial" panose="020B0604020202020204" pitchFamily="34" charset="0"/>
              <a:buChar char="•"/>
              <a:defRPr sz="1800" spc="50" baseline="0"/>
            </a:lvl5pPr>
          </a:lstStyle>
          <a:p>
            <a:pPr lvl="0"/>
            <a:r>
              <a:rPr lang="en-US"/>
              <a:t>Click to add content</a:t>
            </a:r>
          </a:p>
          <a:p>
            <a:pPr lvl="1"/>
            <a:r>
              <a:rPr lang="en-US"/>
              <a:t>Second level</a:t>
            </a:r>
          </a:p>
          <a:p>
            <a:pPr lvl="2"/>
            <a:r>
              <a:rPr lang="en-US"/>
              <a:t>Third level</a:t>
            </a:r>
          </a:p>
          <a:p>
            <a:pPr lvl="3"/>
            <a:r>
              <a:rPr lang="en-US"/>
              <a:t>Fourth level</a:t>
            </a:r>
          </a:p>
          <a:p>
            <a:pPr lvl="4"/>
            <a:r>
              <a:rPr lang="en-US"/>
              <a:t>Fifth level</a:t>
            </a:r>
          </a:p>
        </p:txBody>
      </p:sp>
      <p:sp>
        <p:nvSpPr>
          <p:cNvPr id="8" name="Footer Placeholder 7">
            <a:extLst>
              <a:ext uri="{FF2B5EF4-FFF2-40B4-BE49-F238E27FC236}">
                <a16:creationId xmlns:a16="http://schemas.microsoft.com/office/drawing/2014/main" id="{CBE560E3-F935-488F-8F0E-191D7B6B54B8}"/>
              </a:ext>
            </a:extLst>
          </p:cNvPr>
          <p:cNvSpPr>
            <a:spLocks noGrp="1"/>
          </p:cNvSpPr>
          <p:nvPr>
            <p:ph type="ftr" sz="quarter" idx="11"/>
          </p:nvPr>
        </p:nvSpPr>
        <p:spPr>
          <a:xfrm>
            <a:off x="843986" y="6356350"/>
            <a:ext cx="4114800" cy="365125"/>
          </a:xfrm>
        </p:spPr>
        <p:txBody>
          <a:bodyPr/>
          <a:lstStyle>
            <a:lvl1pPr algn="l">
              <a:defRPr sz="900"/>
            </a:lvl1pPr>
          </a:lstStyle>
          <a:p>
            <a:r>
              <a:rPr lang="en-US"/>
              <a:t>PRESENTATION TITLE</a:t>
            </a:r>
          </a:p>
        </p:txBody>
      </p:sp>
      <p:sp>
        <p:nvSpPr>
          <p:cNvPr id="9" name="Slide Number Placeholder 8">
            <a:extLst>
              <a:ext uri="{FF2B5EF4-FFF2-40B4-BE49-F238E27FC236}">
                <a16:creationId xmlns:a16="http://schemas.microsoft.com/office/drawing/2014/main" id="{9B9CD8B2-CC23-467F-B0EE-2CC06D6308BD}"/>
              </a:ext>
            </a:extLst>
          </p:cNvPr>
          <p:cNvSpPr>
            <a:spLocks noGrp="1"/>
          </p:cNvSpPr>
          <p:nvPr>
            <p:ph type="sldNum" sz="quarter" idx="12"/>
          </p:nvPr>
        </p:nvSpPr>
        <p:spPr/>
        <p:txBody>
          <a:bodyPr/>
          <a:lstStyle>
            <a:lvl1pPr>
              <a:defRPr sz="900"/>
            </a:lvl1pPr>
          </a:lstStyle>
          <a:p>
            <a:fld id="{A49DFD55-3C28-40EF-9E31-A92D2E4017FF}" type="slidenum">
              <a:rPr lang="en-US" smtClean="0"/>
              <a:pPr/>
              <a:t>‹#›</a:t>
            </a:fld>
            <a:endParaRPr lang="en-US"/>
          </a:p>
        </p:txBody>
      </p:sp>
      <p:pic>
        <p:nvPicPr>
          <p:cNvPr id="13" name="Graphic 12">
            <a:extLst>
              <a:ext uri="{FF2B5EF4-FFF2-40B4-BE49-F238E27FC236}">
                <a16:creationId xmlns:a16="http://schemas.microsoft.com/office/drawing/2014/main" id="{E0588715-35AD-8BE1-A5FC-E28BDD3854A6}"/>
              </a:ext>
              <a:ext uri="{C183D7F6-B498-43B3-948B-1728B52AA6E4}">
                <adec:decorative xmlns:adec="http://schemas.microsoft.com/office/drawing/2017/decorative" val="1"/>
              </a:ext>
            </a:extLst>
          </p:cNvPr>
          <p:cNvPicPr>
            <a:picLocks noChangeAspect="1"/>
          </p:cNvPicPr>
          <p:nvPr userDrawn="1"/>
        </p:nvPicPr>
        <p:blipFill rotWithShape="1">
          <a:blip r:embed="rId2">
            <a:extLst>
              <a:ext uri="{96DAC541-7B7A-43D3-8B79-37D633B846F1}">
                <asvg:svgBlip xmlns:asvg="http://schemas.microsoft.com/office/drawing/2016/SVG/main" r:embed="rId3"/>
              </a:ext>
            </a:extLst>
          </a:blip>
          <a:srcRect l="18645" t="319" r="28732" b="73496"/>
          <a:stretch/>
        </p:blipFill>
        <p:spPr>
          <a:xfrm rot="10800000" flipH="1">
            <a:off x="6308436" y="-11"/>
            <a:ext cx="5883564" cy="2366424"/>
          </a:xfrm>
          <a:prstGeom prst="rect">
            <a:avLst/>
          </a:prstGeom>
        </p:spPr>
      </p:pic>
    </p:spTree>
    <p:extLst>
      <p:ext uri="{BB962C8B-B14F-4D97-AF65-F5344CB8AC3E}">
        <p14:creationId xmlns:p14="http://schemas.microsoft.com/office/powerpoint/2010/main" val="243245194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able 2">
    <p:bg>
      <p:bgRef idx="1001">
        <a:schemeClr val="bg1"/>
      </p:bgRef>
    </p:bg>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544E9C70-0200-3C21-7766-CB9EA5FBFA88}"/>
              </a:ext>
              <a:ext uri="{C183D7F6-B498-43B3-948B-1728B52AA6E4}">
                <adec:decorative xmlns:adec="http://schemas.microsoft.com/office/drawing/2017/decorative" val="1"/>
              </a:ext>
            </a:extLst>
          </p:cNvPr>
          <p:cNvGrpSpPr/>
          <p:nvPr userDrawn="1"/>
        </p:nvGrpSpPr>
        <p:grpSpPr>
          <a:xfrm>
            <a:off x="0" y="0"/>
            <a:ext cx="2590800" cy="1027906"/>
            <a:chOff x="0" y="0"/>
            <a:chExt cx="2590800" cy="1027906"/>
          </a:xfrm>
        </p:grpSpPr>
        <p:cxnSp>
          <p:nvCxnSpPr>
            <p:cNvPr id="11" name="Straight Connector 10">
              <a:extLst>
                <a:ext uri="{FF2B5EF4-FFF2-40B4-BE49-F238E27FC236}">
                  <a16:creationId xmlns:a16="http://schemas.microsoft.com/office/drawing/2014/main" id="{1D5E4B16-2071-DEE9-BE53-F35AFBEFCA57}"/>
                </a:ext>
              </a:extLst>
            </p:cNvPr>
            <p:cNvCxnSpPr>
              <a:cxnSpLocks/>
            </p:cNvCxnSpPr>
            <p:nvPr userDrawn="1"/>
          </p:nvCxnSpPr>
          <p:spPr>
            <a:xfrm flipV="1">
              <a:off x="0" y="0"/>
              <a:ext cx="2590800" cy="76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CB2B071-0355-D550-18A8-9D515CA16987}"/>
                </a:ext>
              </a:extLst>
            </p:cNvPr>
            <p:cNvCxnSpPr>
              <a:cxnSpLocks/>
            </p:cNvCxnSpPr>
            <p:nvPr userDrawn="1"/>
          </p:nvCxnSpPr>
          <p:spPr>
            <a:xfrm flipH="1">
              <a:off x="0" y="0"/>
              <a:ext cx="704850" cy="102790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EE5C4E19-B78B-4E39-B661-7E6A2E6C5002}"/>
              </a:ext>
            </a:extLst>
          </p:cNvPr>
          <p:cNvSpPr>
            <a:spLocks noGrp="1"/>
          </p:cNvSpPr>
          <p:nvPr>
            <p:ph type="title" hasCustomPrompt="1"/>
          </p:nvPr>
        </p:nvSpPr>
        <p:spPr>
          <a:xfrm>
            <a:off x="838200" y="353550"/>
            <a:ext cx="10515600" cy="1325563"/>
          </a:xfrm>
        </p:spPr>
        <p:txBody>
          <a:bodyPr anchor="b">
            <a:normAutofit/>
          </a:bodyPr>
          <a:lstStyle>
            <a:lvl1pPr algn="ctr">
              <a:defRPr lang="en-US" sz="2800" kern="1200" spc="150" baseline="0" dirty="0">
                <a:solidFill>
                  <a:schemeClr val="tx1"/>
                </a:solidFill>
                <a:latin typeface="+mj-lt"/>
                <a:ea typeface="+mj-ea"/>
                <a:cs typeface="+mj-cs"/>
              </a:defRPr>
            </a:lvl1pPr>
          </a:lstStyle>
          <a:p>
            <a:r>
              <a:rPr lang="en-US"/>
              <a:t>CLICK TO add title</a:t>
            </a:r>
          </a:p>
        </p:txBody>
      </p:sp>
      <p:sp>
        <p:nvSpPr>
          <p:cNvPr id="8" name="Table Placeholder 7">
            <a:extLst>
              <a:ext uri="{FF2B5EF4-FFF2-40B4-BE49-F238E27FC236}">
                <a16:creationId xmlns:a16="http://schemas.microsoft.com/office/drawing/2014/main" id="{C3975522-461E-4D79-B5B9-BF9471B54688}"/>
              </a:ext>
            </a:extLst>
          </p:cNvPr>
          <p:cNvSpPr>
            <a:spLocks noGrp="1"/>
          </p:cNvSpPr>
          <p:nvPr>
            <p:ph type="tbl" sz="quarter" idx="14"/>
          </p:nvPr>
        </p:nvSpPr>
        <p:spPr>
          <a:xfrm>
            <a:off x="838200" y="2111381"/>
            <a:ext cx="10515600" cy="3570963"/>
          </a:xfrm>
        </p:spPr>
        <p:txBody>
          <a:bodyPr>
            <a:normAutofit/>
          </a:bodyPr>
          <a:lstStyle>
            <a:lvl1pPr marL="0" indent="0" algn="ctr">
              <a:buNone/>
              <a:defRPr sz="2000"/>
            </a:lvl1pPr>
          </a:lstStyle>
          <a:p>
            <a:r>
              <a:rPr lang="en-US"/>
              <a:t>Click icon to add table</a:t>
            </a:r>
          </a:p>
        </p:txBody>
      </p:sp>
      <p:sp>
        <p:nvSpPr>
          <p:cNvPr id="6" name="Footer Placeholder 4">
            <a:extLst>
              <a:ext uri="{FF2B5EF4-FFF2-40B4-BE49-F238E27FC236}">
                <a16:creationId xmlns:a16="http://schemas.microsoft.com/office/drawing/2014/main" id="{BFB554B2-4C33-2975-9F27-94B8AE71DF13}"/>
              </a:ext>
            </a:extLst>
          </p:cNvPr>
          <p:cNvSpPr>
            <a:spLocks noGrp="1"/>
          </p:cNvSpPr>
          <p:nvPr>
            <p:ph type="ftr" sz="quarter" idx="11"/>
          </p:nvPr>
        </p:nvSpPr>
        <p:spPr>
          <a:xfrm>
            <a:off x="838200" y="6356349"/>
            <a:ext cx="3819228" cy="365125"/>
          </a:xfrm>
        </p:spPr>
        <p:txBody>
          <a:bodyPr/>
          <a:lstStyle>
            <a:lvl1pPr algn="l">
              <a:defRPr sz="900"/>
            </a:lvl1pPr>
          </a:lstStyle>
          <a:p>
            <a:r>
              <a:rPr lang="en-US"/>
              <a:t>PRESENTATION TITLE</a:t>
            </a:r>
          </a:p>
        </p:txBody>
      </p:sp>
      <p:sp>
        <p:nvSpPr>
          <p:cNvPr id="7" name="Slide Number Placeholder 5">
            <a:extLst>
              <a:ext uri="{FF2B5EF4-FFF2-40B4-BE49-F238E27FC236}">
                <a16:creationId xmlns:a16="http://schemas.microsoft.com/office/drawing/2014/main" id="{503C6776-E983-2BA3-1054-75996FE0FD22}"/>
              </a:ext>
            </a:extLst>
          </p:cNvPr>
          <p:cNvSpPr>
            <a:spLocks noGrp="1"/>
          </p:cNvSpPr>
          <p:nvPr>
            <p:ph type="sldNum" sz="quarter" idx="12"/>
          </p:nvPr>
        </p:nvSpPr>
        <p:spPr>
          <a:xfrm>
            <a:off x="10373350" y="6356349"/>
            <a:ext cx="987552"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3370680036"/>
      </p:ext>
    </p:extLst>
  </p:cSld>
  <p:clrMapOvr>
    <a:overrideClrMapping bg1="lt1" tx1="dk1" bg2="lt2" tx2="dk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 preserve="1">
  <p:cSld name="Closing">
    <p:bg>
      <p:bgPr>
        <a:solidFill>
          <a:schemeClr val="tx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B3628-62D7-4A6D-A79F-34DE91DBA31E}"/>
              </a:ext>
            </a:extLst>
          </p:cNvPr>
          <p:cNvSpPr>
            <a:spLocks noGrp="1"/>
          </p:cNvSpPr>
          <p:nvPr>
            <p:ph type="ctrTitle" hasCustomPrompt="1"/>
          </p:nvPr>
        </p:nvSpPr>
        <p:spPr>
          <a:xfrm>
            <a:off x="4267200" y="1615736"/>
            <a:ext cx="4179570" cy="1524735"/>
          </a:xfrm>
        </p:spPr>
        <p:txBody>
          <a:bodyPr anchor="b">
            <a:noAutofit/>
          </a:bodyPr>
          <a:lstStyle>
            <a:lvl1pPr algn="l">
              <a:defRPr sz="3600" spc="150" baseline="0">
                <a:solidFill>
                  <a:schemeClr val="bg1"/>
                </a:solidFill>
              </a:defRPr>
            </a:lvl1pPr>
          </a:lstStyle>
          <a:p>
            <a:r>
              <a:rPr lang="en-US"/>
              <a:t>CLICK TO add title</a:t>
            </a:r>
          </a:p>
        </p:txBody>
      </p:sp>
      <p:sp>
        <p:nvSpPr>
          <p:cNvPr id="3" name="Subtitle 2">
            <a:extLst>
              <a:ext uri="{FF2B5EF4-FFF2-40B4-BE49-F238E27FC236}">
                <a16:creationId xmlns:a16="http://schemas.microsoft.com/office/drawing/2014/main" id="{55457758-A125-4CEA-A3D5-CBD010417BD2}"/>
              </a:ext>
            </a:extLst>
          </p:cNvPr>
          <p:cNvSpPr>
            <a:spLocks noGrp="1"/>
          </p:cNvSpPr>
          <p:nvPr>
            <p:ph type="subTitle" idx="1" hasCustomPrompt="1"/>
          </p:nvPr>
        </p:nvSpPr>
        <p:spPr>
          <a:xfrm>
            <a:off x="4267200" y="3238103"/>
            <a:ext cx="4179570" cy="2850181"/>
          </a:xfrm>
        </p:spPr>
        <p:txBody>
          <a:bodyPr>
            <a:normAutofit/>
          </a:bodyPr>
          <a:lstStyle>
            <a:lvl1pPr marL="0" indent="0" algn="l">
              <a:lnSpc>
                <a:spcPct val="150000"/>
              </a:lnSpc>
              <a:buNone/>
              <a:defRPr sz="1800" spc="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add subtitle</a:t>
            </a:r>
          </a:p>
        </p:txBody>
      </p:sp>
      <p:pic>
        <p:nvPicPr>
          <p:cNvPr id="6" name="Graphic 5">
            <a:extLst>
              <a:ext uri="{FF2B5EF4-FFF2-40B4-BE49-F238E27FC236}">
                <a16:creationId xmlns:a16="http://schemas.microsoft.com/office/drawing/2014/main" id="{ED3361C9-310A-4255-A94E-B77588962DA5}"/>
              </a:ext>
              <a:ext uri="{C183D7F6-B498-43B3-948B-1728B52AA6E4}">
                <adec:decorative xmlns:adec="http://schemas.microsoft.com/office/drawing/2017/decorative" val="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0" y="0"/>
            <a:ext cx="3176938" cy="6858000"/>
          </a:xfrm>
          <a:prstGeom prst="rect">
            <a:avLst/>
          </a:prstGeom>
        </p:spPr>
      </p:pic>
      <p:sp>
        <p:nvSpPr>
          <p:cNvPr id="10" name="Footer Placeholder 7">
            <a:extLst>
              <a:ext uri="{FF2B5EF4-FFF2-40B4-BE49-F238E27FC236}">
                <a16:creationId xmlns:a16="http://schemas.microsoft.com/office/drawing/2014/main" id="{6026D44C-0B39-4DE1-A0FC-5615DDAAE3CE}"/>
              </a:ext>
            </a:extLst>
          </p:cNvPr>
          <p:cNvSpPr>
            <a:spLocks noGrp="1"/>
          </p:cNvSpPr>
          <p:nvPr>
            <p:ph type="ftr" sz="quarter" idx="11"/>
          </p:nvPr>
        </p:nvSpPr>
        <p:spPr>
          <a:xfrm>
            <a:off x="4267200" y="6356350"/>
            <a:ext cx="4179570" cy="365125"/>
          </a:xfrm>
        </p:spPr>
        <p:txBody>
          <a:bodyPr/>
          <a:lstStyle>
            <a:lvl1pPr algn="l">
              <a:defRPr sz="900"/>
            </a:lvl1pPr>
          </a:lstStyle>
          <a:p>
            <a:r>
              <a:rPr lang="en-US"/>
              <a:t>PRESENTATION TITLE</a:t>
            </a:r>
          </a:p>
        </p:txBody>
      </p:sp>
      <p:sp>
        <p:nvSpPr>
          <p:cNvPr id="11" name="Slide Number Placeholder 8">
            <a:extLst>
              <a:ext uri="{FF2B5EF4-FFF2-40B4-BE49-F238E27FC236}">
                <a16:creationId xmlns:a16="http://schemas.microsoft.com/office/drawing/2014/main" id="{0F8222B4-B618-42C4-8BDB-D2E4DF2F22C3}"/>
              </a:ext>
            </a:extLst>
          </p:cNvPr>
          <p:cNvSpPr>
            <a:spLocks noGrp="1"/>
          </p:cNvSpPr>
          <p:nvPr>
            <p:ph type="sldNum" sz="quarter" idx="12"/>
          </p:nvPr>
        </p:nvSpPr>
        <p:spPr>
          <a:xfrm>
            <a:off x="9579428" y="6356350"/>
            <a:ext cx="1774371" cy="365125"/>
          </a:xfrm>
        </p:spPr>
        <p:txBody>
          <a:bodyPr/>
          <a:lstStyle>
            <a:lvl1pPr>
              <a:defRPr sz="900"/>
            </a:lvl1pPr>
          </a:lstStyle>
          <a:p>
            <a:fld id="{A49DFD55-3C28-40EF-9E31-A92D2E4017FF}" type="slidenum">
              <a:rPr lang="en-US" smtClean="0"/>
              <a:pPr/>
              <a:t>‹#›</a:t>
            </a:fld>
            <a:endParaRPr lang="en-US"/>
          </a:p>
        </p:txBody>
      </p:sp>
    </p:spTree>
    <p:extLst>
      <p:ext uri="{BB962C8B-B14F-4D97-AF65-F5344CB8AC3E}">
        <p14:creationId xmlns:p14="http://schemas.microsoft.com/office/powerpoint/2010/main" val="129114042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B12719-44A3-3EE8-D757-F0E0F9632AEC}"/>
              </a:ext>
            </a:extLst>
          </p:cNvPr>
          <p:cNvSpPr>
            <a:spLocks noGrp="1"/>
          </p:cNvSpPr>
          <p:nvPr>
            <p:ph type="title"/>
          </p:nvPr>
        </p:nvSpPr>
        <p:spPr>
          <a:xfrm>
            <a:off x="303197" y="750627"/>
            <a:ext cx="10846556" cy="1304150"/>
          </a:xfrm>
        </p:spPr>
        <p:txBody>
          <a:bodyPr anchor="t"/>
          <a:lstStyle/>
          <a:p>
            <a:r>
              <a:rPr lang="en-US"/>
              <a:t>Click to edit Master title style</a:t>
            </a:r>
          </a:p>
        </p:txBody>
      </p:sp>
      <p:sp>
        <p:nvSpPr>
          <p:cNvPr id="3" name="Content Placeholder 2">
            <a:extLst>
              <a:ext uri="{FF2B5EF4-FFF2-40B4-BE49-F238E27FC236}">
                <a16:creationId xmlns:a16="http://schemas.microsoft.com/office/drawing/2014/main" id="{40440DC2-69F2-A056-508C-F5138E71FCA2}"/>
              </a:ext>
            </a:extLst>
          </p:cNvPr>
          <p:cNvSpPr>
            <a:spLocks noGrp="1"/>
          </p:cNvSpPr>
          <p:nvPr>
            <p:ph sz="half" idx="1"/>
          </p:nvPr>
        </p:nvSpPr>
        <p:spPr>
          <a:xfrm>
            <a:off x="1056961" y="2075250"/>
            <a:ext cx="4571288" cy="4101492"/>
          </a:xfrm>
        </p:spPr>
        <p:txBody>
          <a:bodyPr>
            <a:normAutofit/>
          </a:bodyPr>
          <a:lstStyle>
            <a:lvl1pPr>
              <a:defRPr sz="2000"/>
            </a:lvl1pPr>
            <a:lvl2pPr>
              <a:defRPr sz="1800"/>
            </a:lvl2pPr>
            <a:lvl3pPr>
              <a:defRPr sz="16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DA2243E-0673-54F2-5B38-DF5D2C7367F4}"/>
              </a:ext>
            </a:extLst>
          </p:cNvPr>
          <p:cNvSpPr>
            <a:spLocks noGrp="1"/>
          </p:cNvSpPr>
          <p:nvPr>
            <p:ph sz="half" idx="2"/>
          </p:nvPr>
        </p:nvSpPr>
        <p:spPr>
          <a:xfrm>
            <a:off x="6379560" y="2075250"/>
            <a:ext cx="4770191" cy="4101492"/>
          </a:xfrm>
        </p:spPr>
        <p:txBody>
          <a:bodyPr>
            <a:normAutofit/>
          </a:bodyPr>
          <a:lstStyle>
            <a:lvl1pPr>
              <a:defRPr sz="2000"/>
            </a:lvl1pPr>
            <a:lvl2pPr>
              <a:defRPr sz="1800"/>
            </a:lvl2pPr>
            <a:lvl3pPr>
              <a:defRPr sz="1600"/>
            </a:lvl3pPr>
            <a:lvl4pPr>
              <a:defRPr sz="1400"/>
            </a:lvl4pPr>
            <a:lvl5pP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AE946B7D-7BAF-8DE9-FB5A-282908B03106}"/>
              </a:ext>
            </a:extLst>
          </p:cNvPr>
          <p:cNvSpPr>
            <a:spLocks noGrp="1"/>
          </p:cNvSpPr>
          <p:nvPr>
            <p:ph type="dt" sz="half" idx="10"/>
          </p:nvPr>
        </p:nvSpPr>
        <p:spPr/>
        <p:txBody>
          <a:bodyPr/>
          <a:lstStyle/>
          <a:p>
            <a:fld id="{96374C2F-71A1-43C9-B2F6-A4FAC8157F1A}" type="datetimeFigureOut">
              <a:rPr lang="en-US" dirty="0"/>
              <a:t>10/7/2024</a:t>
            </a:fld>
            <a:endParaRPr lang="en-US"/>
          </a:p>
        </p:txBody>
      </p:sp>
      <p:sp>
        <p:nvSpPr>
          <p:cNvPr id="6" name="Footer Placeholder 5">
            <a:extLst>
              <a:ext uri="{FF2B5EF4-FFF2-40B4-BE49-F238E27FC236}">
                <a16:creationId xmlns:a16="http://schemas.microsoft.com/office/drawing/2014/main" id="{0AF99017-BDD7-56C7-43AE-4B86AC78194A}"/>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CF6E7D63-14BF-E333-B350-75DA58E281CF}"/>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7969935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8C7F72-3970-859F-C268-E9940EF2D0E4}"/>
              </a:ext>
            </a:extLst>
          </p:cNvPr>
          <p:cNvSpPr>
            <a:spLocks noGrp="1"/>
          </p:cNvSpPr>
          <p:nvPr>
            <p:ph type="title"/>
          </p:nvPr>
        </p:nvSpPr>
        <p:spPr>
          <a:xfrm>
            <a:off x="305649" y="743803"/>
            <a:ext cx="10764271" cy="1025362"/>
          </a:xfrm>
        </p:spPr>
        <p:txBody>
          <a:bodyPr anchor="t"/>
          <a:lstStyle/>
          <a:p>
            <a:r>
              <a:rPr lang="en-US"/>
              <a:t>Click to edit Master title style</a:t>
            </a:r>
          </a:p>
        </p:txBody>
      </p:sp>
      <p:sp>
        <p:nvSpPr>
          <p:cNvPr id="3" name="Text Placeholder 2">
            <a:extLst>
              <a:ext uri="{FF2B5EF4-FFF2-40B4-BE49-F238E27FC236}">
                <a16:creationId xmlns:a16="http://schemas.microsoft.com/office/drawing/2014/main" id="{F9B37CC6-89B8-3CF3-6973-1B5B71782F56}"/>
              </a:ext>
            </a:extLst>
          </p:cNvPr>
          <p:cNvSpPr>
            <a:spLocks noGrp="1"/>
          </p:cNvSpPr>
          <p:nvPr>
            <p:ph type="body" idx="1"/>
          </p:nvPr>
        </p:nvSpPr>
        <p:spPr>
          <a:xfrm>
            <a:off x="1056961" y="1769166"/>
            <a:ext cx="4571287" cy="815008"/>
          </a:xfrm>
        </p:spPr>
        <p:txBody>
          <a:bodyPr anchor="b">
            <a:noAutofit/>
          </a:bodyPr>
          <a:lstStyle>
            <a:lvl1pPr marL="0" indent="0">
              <a:buNone/>
              <a:defRPr sz="2000" b="0" cap="all" spc="100"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0650EB0-E35B-DA3D-B6A1-2422B01C6005}"/>
              </a:ext>
            </a:extLst>
          </p:cNvPr>
          <p:cNvSpPr>
            <a:spLocks noGrp="1"/>
          </p:cNvSpPr>
          <p:nvPr>
            <p:ph sz="half" idx="2"/>
          </p:nvPr>
        </p:nvSpPr>
        <p:spPr>
          <a:xfrm>
            <a:off x="1056961" y="2678597"/>
            <a:ext cx="4571287" cy="350670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57A15D0-F178-1506-0E61-C8FFDF9BD6B5}"/>
              </a:ext>
            </a:extLst>
          </p:cNvPr>
          <p:cNvSpPr>
            <a:spLocks noGrp="1"/>
          </p:cNvSpPr>
          <p:nvPr>
            <p:ph type="body" sz="quarter" idx="3"/>
          </p:nvPr>
        </p:nvSpPr>
        <p:spPr>
          <a:xfrm>
            <a:off x="6498633" y="1769166"/>
            <a:ext cx="4571287" cy="815008"/>
          </a:xfrm>
        </p:spPr>
        <p:txBody>
          <a:bodyPr anchor="b">
            <a:noAutofit/>
          </a:bodyPr>
          <a:lstStyle>
            <a:lvl1pPr marL="0" indent="0">
              <a:buNone/>
              <a:defRPr sz="2000" b="0" cap="all" spc="100"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256CB421-A65A-A7DC-40A7-D8B76F9C3A3A}"/>
              </a:ext>
            </a:extLst>
          </p:cNvPr>
          <p:cNvSpPr>
            <a:spLocks noGrp="1"/>
          </p:cNvSpPr>
          <p:nvPr>
            <p:ph sz="quarter" idx="4"/>
          </p:nvPr>
        </p:nvSpPr>
        <p:spPr>
          <a:xfrm>
            <a:off x="6498633" y="2678596"/>
            <a:ext cx="4571287" cy="350670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7AF5675-5329-D2DB-FAFF-700D076CA886}"/>
              </a:ext>
            </a:extLst>
          </p:cNvPr>
          <p:cNvSpPr>
            <a:spLocks noGrp="1"/>
          </p:cNvSpPr>
          <p:nvPr>
            <p:ph type="dt" sz="half" idx="10"/>
          </p:nvPr>
        </p:nvSpPr>
        <p:spPr/>
        <p:txBody>
          <a:bodyPr/>
          <a:lstStyle/>
          <a:p>
            <a:fld id="{AD631DCC-9916-4BB7-A2E9-25EC84C740A7}" type="datetimeFigureOut">
              <a:rPr lang="en-US" dirty="0"/>
              <a:t>10/7/2024</a:t>
            </a:fld>
            <a:endParaRPr lang="en-US"/>
          </a:p>
        </p:txBody>
      </p:sp>
      <p:sp>
        <p:nvSpPr>
          <p:cNvPr id="8" name="Footer Placeholder 7">
            <a:extLst>
              <a:ext uri="{FF2B5EF4-FFF2-40B4-BE49-F238E27FC236}">
                <a16:creationId xmlns:a16="http://schemas.microsoft.com/office/drawing/2014/main" id="{D1392A97-07D9-5E5C-2A31-3B7D764CE1B8}"/>
              </a:ext>
            </a:extLst>
          </p:cNvPr>
          <p:cNvSpPr>
            <a:spLocks noGrp="1"/>
          </p:cNvSpPr>
          <p:nvPr>
            <p:ph type="ftr" sz="quarter" idx="11"/>
          </p:nvPr>
        </p:nvSpPr>
        <p:spPr/>
        <p:txBody>
          <a:bodyPr/>
          <a:lstStyle/>
          <a:p>
            <a:r>
              <a:rPr lang="en-US"/>
              <a:t>
              </a:t>
            </a:r>
          </a:p>
        </p:txBody>
      </p:sp>
      <p:sp>
        <p:nvSpPr>
          <p:cNvPr id="9" name="Slide Number Placeholder 8">
            <a:extLst>
              <a:ext uri="{FF2B5EF4-FFF2-40B4-BE49-F238E27FC236}">
                <a16:creationId xmlns:a16="http://schemas.microsoft.com/office/drawing/2014/main" id="{4E626143-8FEE-0ABD-25C7-C34AF6568B83}"/>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28358732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826EFE-D86C-B076-D4D1-FAD1883E0813}"/>
              </a:ext>
            </a:extLst>
          </p:cNvPr>
          <p:cNvSpPr>
            <a:spLocks noGrp="1"/>
          </p:cNvSpPr>
          <p:nvPr>
            <p:ph type="title"/>
          </p:nvPr>
        </p:nvSpPr>
        <p:spPr>
          <a:xfrm>
            <a:off x="308387" y="757766"/>
            <a:ext cx="7240293" cy="3547534"/>
          </a:xfrm>
        </p:spPr>
        <p:txBody>
          <a:bodyPr anchor="t"/>
          <a:lstStyle/>
          <a:p>
            <a:r>
              <a:rPr lang="en-US"/>
              <a:t>Click to edit Master title style</a:t>
            </a:r>
          </a:p>
        </p:txBody>
      </p:sp>
      <p:sp>
        <p:nvSpPr>
          <p:cNvPr id="3" name="Date Placeholder 2">
            <a:extLst>
              <a:ext uri="{FF2B5EF4-FFF2-40B4-BE49-F238E27FC236}">
                <a16:creationId xmlns:a16="http://schemas.microsoft.com/office/drawing/2014/main" id="{C23F3B23-C631-4B62-3211-30222ABE1C33}"/>
              </a:ext>
            </a:extLst>
          </p:cNvPr>
          <p:cNvSpPr>
            <a:spLocks noGrp="1"/>
          </p:cNvSpPr>
          <p:nvPr>
            <p:ph type="dt" sz="half" idx="10"/>
          </p:nvPr>
        </p:nvSpPr>
        <p:spPr/>
        <p:txBody>
          <a:bodyPr/>
          <a:lstStyle/>
          <a:p>
            <a:fld id="{AF59146A-335D-4B7F-86AE-5D483B1F631C}" type="datetimeFigureOut">
              <a:rPr lang="en-US" dirty="0"/>
              <a:t>10/7/2024</a:t>
            </a:fld>
            <a:endParaRPr lang="en-US"/>
          </a:p>
        </p:txBody>
      </p:sp>
      <p:sp>
        <p:nvSpPr>
          <p:cNvPr id="4" name="Footer Placeholder 3">
            <a:extLst>
              <a:ext uri="{FF2B5EF4-FFF2-40B4-BE49-F238E27FC236}">
                <a16:creationId xmlns:a16="http://schemas.microsoft.com/office/drawing/2014/main" id="{7789A1FB-EA0D-F6A3-A4EB-001AA082AAFF}"/>
              </a:ext>
            </a:extLst>
          </p:cNvPr>
          <p:cNvSpPr>
            <a:spLocks noGrp="1"/>
          </p:cNvSpPr>
          <p:nvPr>
            <p:ph type="ftr" sz="quarter" idx="11"/>
          </p:nvPr>
        </p:nvSpPr>
        <p:spPr/>
        <p:txBody>
          <a:bodyPr/>
          <a:lstStyle/>
          <a:p>
            <a:r>
              <a:rPr lang="en-US"/>
              <a:t>
              </a:t>
            </a:r>
          </a:p>
        </p:txBody>
      </p:sp>
      <p:sp>
        <p:nvSpPr>
          <p:cNvPr id="5" name="Slide Number Placeholder 4">
            <a:extLst>
              <a:ext uri="{FF2B5EF4-FFF2-40B4-BE49-F238E27FC236}">
                <a16:creationId xmlns:a16="http://schemas.microsoft.com/office/drawing/2014/main" id="{C6D671B7-A902-587D-89D0-ECFB738FD702}"/>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63955618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9A27D49-E5B4-0E67-FCFC-62A04E705682}"/>
              </a:ext>
            </a:extLst>
          </p:cNvPr>
          <p:cNvSpPr>
            <a:spLocks noGrp="1"/>
          </p:cNvSpPr>
          <p:nvPr>
            <p:ph type="dt" sz="half" idx="10"/>
          </p:nvPr>
        </p:nvSpPr>
        <p:spPr/>
        <p:txBody>
          <a:bodyPr/>
          <a:lstStyle/>
          <a:p>
            <a:fld id="{DD71D8EC-8E17-4CE6-99C2-C22488572868}" type="datetimeFigureOut">
              <a:rPr lang="en-US" dirty="0"/>
              <a:t>10/7/2024</a:t>
            </a:fld>
            <a:endParaRPr lang="en-US"/>
          </a:p>
        </p:txBody>
      </p:sp>
      <p:sp>
        <p:nvSpPr>
          <p:cNvPr id="3" name="Footer Placeholder 2">
            <a:extLst>
              <a:ext uri="{FF2B5EF4-FFF2-40B4-BE49-F238E27FC236}">
                <a16:creationId xmlns:a16="http://schemas.microsoft.com/office/drawing/2014/main" id="{6B0E4B02-DD32-C63F-6FEE-BC36E2EFD012}"/>
              </a:ext>
            </a:extLst>
          </p:cNvPr>
          <p:cNvSpPr>
            <a:spLocks noGrp="1"/>
          </p:cNvSpPr>
          <p:nvPr>
            <p:ph type="ftr" sz="quarter" idx="11"/>
          </p:nvPr>
        </p:nvSpPr>
        <p:spPr/>
        <p:txBody>
          <a:bodyPr/>
          <a:lstStyle/>
          <a:p>
            <a:r>
              <a:rPr lang="en-US"/>
              <a:t>
              </a:t>
            </a:r>
          </a:p>
        </p:txBody>
      </p:sp>
      <p:sp>
        <p:nvSpPr>
          <p:cNvPr id="4" name="Slide Number Placeholder 3">
            <a:extLst>
              <a:ext uri="{FF2B5EF4-FFF2-40B4-BE49-F238E27FC236}">
                <a16:creationId xmlns:a16="http://schemas.microsoft.com/office/drawing/2014/main" id="{CF25FA8B-18F7-7DDC-74E0-B1C7139E7B05}"/>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36587507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12D42A-8FC3-F6BE-4CF7-1490DE4FD462}"/>
              </a:ext>
            </a:extLst>
          </p:cNvPr>
          <p:cNvSpPr>
            <a:spLocks noGrp="1"/>
          </p:cNvSpPr>
          <p:nvPr>
            <p:ph type="title"/>
          </p:nvPr>
        </p:nvSpPr>
        <p:spPr>
          <a:xfrm>
            <a:off x="317395" y="766636"/>
            <a:ext cx="3951745" cy="1510628"/>
          </a:xfrm>
        </p:spPr>
        <p:txBody>
          <a:bodyPr anchor="t"/>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0CAA2BAA-1CCB-696D-D506-5E1747080119}"/>
              </a:ext>
            </a:extLst>
          </p:cNvPr>
          <p:cNvSpPr>
            <a:spLocks noGrp="1"/>
          </p:cNvSpPr>
          <p:nvPr>
            <p:ph idx="1"/>
          </p:nvPr>
        </p:nvSpPr>
        <p:spPr>
          <a:xfrm>
            <a:off x="5105400" y="702452"/>
            <a:ext cx="6249988" cy="5317347"/>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10B3C3E7-B970-EF6C-A6D3-6CB81C948775}"/>
              </a:ext>
            </a:extLst>
          </p:cNvPr>
          <p:cNvSpPr>
            <a:spLocks noGrp="1"/>
          </p:cNvSpPr>
          <p:nvPr>
            <p:ph type="body" sz="half" idx="2"/>
          </p:nvPr>
        </p:nvSpPr>
        <p:spPr>
          <a:xfrm>
            <a:off x="323953" y="2277264"/>
            <a:ext cx="3752747" cy="374253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6F32464-D130-7DA0-050D-B444566B1A2F}"/>
              </a:ext>
            </a:extLst>
          </p:cNvPr>
          <p:cNvSpPr>
            <a:spLocks noGrp="1"/>
          </p:cNvSpPr>
          <p:nvPr>
            <p:ph type="dt" sz="half" idx="10"/>
          </p:nvPr>
        </p:nvSpPr>
        <p:spPr/>
        <p:txBody>
          <a:bodyPr/>
          <a:lstStyle/>
          <a:p>
            <a:fld id="{9A750ABA-DFFA-4B13-BB77-624D9164A38B}" type="datetimeFigureOut">
              <a:rPr lang="en-US" dirty="0"/>
              <a:t>10/7/2024</a:t>
            </a:fld>
            <a:endParaRPr lang="en-US"/>
          </a:p>
        </p:txBody>
      </p:sp>
      <p:sp>
        <p:nvSpPr>
          <p:cNvPr id="6" name="Footer Placeholder 5">
            <a:extLst>
              <a:ext uri="{FF2B5EF4-FFF2-40B4-BE49-F238E27FC236}">
                <a16:creationId xmlns:a16="http://schemas.microsoft.com/office/drawing/2014/main" id="{3FC2B3B4-209E-187A-6F86-2F2EAD9F7476}"/>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036A2A86-6CB1-F027-66AC-8EBFA9D0647A}"/>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117770161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68F49-A418-C21F-25DC-E4C2E1716387}"/>
              </a:ext>
            </a:extLst>
          </p:cNvPr>
          <p:cNvSpPr>
            <a:spLocks noGrp="1"/>
          </p:cNvSpPr>
          <p:nvPr>
            <p:ph type="title"/>
          </p:nvPr>
        </p:nvSpPr>
        <p:spPr>
          <a:xfrm>
            <a:off x="318972" y="765850"/>
            <a:ext cx="3995693" cy="1774778"/>
          </a:xfrm>
        </p:spPr>
        <p:txBody>
          <a:bodyPr anchor="t"/>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3378CDE2-0C1B-D3BE-F399-98D983EF4534}"/>
              </a:ext>
            </a:extLst>
          </p:cNvPr>
          <p:cNvSpPr>
            <a:spLocks noGrp="1" noChangeAspect="1"/>
          </p:cNvSpPr>
          <p:nvPr>
            <p:ph type="pic" idx="1"/>
          </p:nvPr>
        </p:nvSpPr>
        <p:spPr>
          <a:xfrm>
            <a:off x="5105400" y="838200"/>
            <a:ext cx="6249988" cy="5181599"/>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a:p>
        </p:txBody>
      </p:sp>
      <p:sp>
        <p:nvSpPr>
          <p:cNvPr id="4" name="Text Placeholder 3">
            <a:extLst>
              <a:ext uri="{FF2B5EF4-FFF2-40B4-BE49-F238E27FC236}">
                <a16:creationId xmlns:a16="http://schemas.microsoft.com/office/drawing/2014/main" id="{38786322-CA2D-A634-C10E-4F22BCE48B7F}"/>
              </a:ext>
            </a:extLst>
          </p:cNvPr>
          <p:cNvSpPr>
            <a:spLocks noGrp="1"/>
          </p:cNvSpPr>
          <p:nvPr>
            <p:ph type="body" sz="half" idx="2"/>
          </p:nvPr>
        </p:nvSpPr>
        <p:spPr>
          <a:xfrm>
            <a:off x="340137" y="2552699"/>
            <a:ext cx="3736563" cy="3467099"/>
          </a:xfrm>
        </p:spPr>
        <p:txBody>
          <a:bodyPr anchor="b"/>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DAD0DD6-F55F-4437-DEC5-FA6028509A2D}"/>
              </a:ext>
            </a:extLst>
          </p:cNvPr>
          <p:cNvSpPr>
            <a:spLocks noGrp="1"/>
          </p:cNvSpPr>
          <p:nvPr>
            <p:ph type="dt" sz="half" idx="10"/>
          </p:nvPr>
        </p:nvSpPr>
        <p:spPr>
          <a:xfrm>
            <a:off x="340137" y="63202"/>
            <a:ext cx="2743200" cy="318221"/>
          </a:xfrm>
        </p:spPr>
        <p:txBody>
          <a:bodyPr/>
          <a:lstStyle/>
          <a:p>
            <a:fld id="{3220A08F-2B1D-4498-A043-7C299B1C2561}" type="datetimeFigureOut">
              <a:rPr lang="en-US" dirty="0"/>
              <a:t>10/7/2024</a:t>
            </a:fld>
            <a:endParaRPr lang="en-US"/>
          </a:p>
        </p:txBody>
      </p:sp>
      <p:sp>
        <p:nvSpPr>
          <p:cNvPr id="6" name="Footer Placeholder 5">
            <a:extLst>
              <a:ext uri="{FF2B5EF4-FFF2-40B4-BE49-F238E27FC236}">
                <a16:creationId xmlns:a16="http://schemas.microsoft.com/office/drawing/2014/main" id="{595B46D7-EE7C-E399-6A6B-18237228F6BA}"/>
              </a:ext>
            </a:extLst>
          </p:cNvPr>
          <p:cNvSpPr>
            <a:spLocks noGrp="1"/>
          </p:cNvSpPr>
          <p:nvPr>
            <p:ph type="ftr" sz="quarter" idx="11"/>
          </p:nvPr>
        </p:nvSpPr>
        <p:spPr/>
        <p:txBody>
          <a:bodyPr/>
          <a:lstStyle/>
          <a:p>
            <a:r>
              <a:rPr lang="en-US"/>
              <a:t>
              </a:t>
            </a:r>
          </a:p>
        </p:txBody>
      </p:sp>
      <p:sp>
        <p:nvSpPr>
          <p:cNvPr id="7" name="Slide Number Placeholder 6">
            <a:extLst>
              <a:ext uri="{FF2B5EF4-FFF2-40B4-BE49-F238E27FC236}">
                <a16:creationId xmlns:a16="http://schemas.microsoft.com/office/drawing/2014/main" id="{F211B808-3207-D755-3B0B-E1D8814B2FA1}"/>
              </a:ext>
            </a:extLst>
          </p:cNvPr>
          <p:cNvSpPr>
            <a:spLocks noGrp="1"/>
          </p:cNvSpPr>
          <p:nvPr>
            <p:ph type="sldNum" sz="quarter" idx="12"/>
          </p:nvPr>
        </p:nvSpPr>
        <p:spPr/>
        <p:txBody>
          <a:bodyPr/>
          <a:lstStyle/>
          <a:p>
            <a:fld id="{6E91CC32-6A6B-4E2E-BBA1-6864F305DA26}" type="slidenum">
              <a:rPr lang="en-US" dirty="0"/>
              <a:t>‹#›</a:t>
            </a:fld>
            <a:endParaRPr lang="en-US"/>
          </a:p>
        </p:txBody>
      </p:sp>
    </p:spTree>
    <p:extLst>
      <p:ext uri="{BB962C8B-B14F-4D97-AF65-F5344CB8AC3E}">
        <p14:creationId xmlns:p14="http://schemas.microsoft.com/office/powerpoint/2010/main" val="26494617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3" Type="http://schemas.openxmlformats.org/officeDocument/2006/relationships/slideLayout" Target="../slideLayouts/slideLayout23.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2" Type="http://schemas.openxmlformats.org/officeDocument/2006/relationships/slideLayout" Target="../slideLayouts/slideLayout22.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5" Type="http://schemas.openxmlformats.org/officeDocument/2006/relationships/slideLayout" Target="../slideLayouts/slideLayout25.xml"/><Relationship Id="rId10" Type="http://schemas.openxmlformats.org/officeDocument/2006/relationships/slideLayout" Target="../slideLayouts/slideLayout30.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BFF45E2-9197-4E34-029A-725ADAC0C752}"/>
              </a:ext>
            </a:extLst>
          </p:cNvPr>
          <p:cNvSpPr>
            <a:spLocks noGrp="1"/>
          </p:cNvSpPr>
          <p:nvPr>
            <p:ph type="title"/>
          </p:nvPr>
        </p:nvSpPr>
        <p:spPr>
          <a:xfrm>
            <a:off x="308387" y="620202"/>
            <a:ext cx="9956747" cy="1438780"/>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268CC19E-63FE-1D76-2550-01FD9A6D9A95}"/>
              </a:ext>
            </a:extLst>
          </p:cNvPr>
          <p:cNvSpPr>
            <a:spLocks noGrp="1"/>
          </p:cNvSpPr>
          <p:nvPr>
            <p:ph type="body" idx="1"/>
          </p:nvPr>
        </p:nvSpPr>
        <p:spPr>
          <a:xfrm>
            <a:off x="335467" y="2306781"/>
            <a:ext cx="9956747" cy="3870181"/>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BDFA067-55BA-33CD-E6F2-B24B2D5DE896}"/>
              </a:ext>
            </a:extLst>
          </p:cNvPr>
          <p:cNvSpPr>
            <a:spLocks noGrp="1"/>
          </p:cNvSpPr>
          <p:nvPr>
            <p:ph type="dt" sz="half" idx="2"/>
          </p:nvPr>
        </p:nvSpPr>
        <p:spPr>
          <a:xfrm>
            <a:off x="340137" y="63202"/>
            <a:ext cx="2743200" cy="318221"/>
          </a:xfrm>
          <a:prstGeom prst="rect">
            <a:avLst/>
          </a:prstGeom>
        </p:spPr>
        <p:txBody>
          <a:bodyPr vert="horz" lIns="91440" tIns="45720" rIns="91440" bIns="45720" rtlCol="0" anchor="ctr"/>
          <a:lstStyle>
            <a:lvl1pPr algn="l">
              <a:defRPr sz="800">
                <a:solidFill>
                  <a:schemeClr val="tx1"/>
                </a:solidFill>
              </a:defRPr>
            </a:lvl1pPr>
          </a:lstStyle>
          <a:p>
            <a:fld id="{567E9B64-DC09-41C8-9DE3-DA74AF8D2F97}" type="datetimeFigureOut">
              <a:rPr lang="en-US" dirty="0"/>
              <a:t>10/7/2024</a:t>
            </a:fld>
            <a:endParaRPr lang="en-US"/>
          </a:p>
        </p:txBody>
      </p:sp>
      <p:sp>
        <p:nvSpPr>
          <p:cNvPr id="5" name="Footer Placeholder 4">
            <a:extLst>
              <a:ext uri="{FF2B5EF4-FFF2-40B4-BE49-F238E27FC236}">
                <a16:creationId xmlns:a16="http://schemas.microsoft.com/office/drawing/2014/main" id="{C965EAE2-7EF5-FFAA-CD74-AA63C671197D}"/>
              </a:ext>
            </a:extLst>
          </p:cNvPr>
          <p:cNvSpPr>
            <a:spLocks noGrp="1"/>
          </p:cNvSpPr>
          <p:nvPr>
            <p:ph type="ftr" sz="quarter" idx="3"/>
          </p:nvPr>
        </p:nvSpPr>
        <p:spPr>
          <a:xfrm>
            <a:off x="7344016" y="6424761"/>
            <a:ext cx="4059936" cy="365125"/>
          </a:xfrm>
          <a:prstGeom prst="rect">
            <a:avLst/>
          </a:prstGeom>
        </p:spPr>
        <p:txBody>
          <a:bodyPr vert="horz" lIns="91440" tIns="45720" rIns="91440" bIns="45720" rtlCol="0" anchor="ctr"/>
          <a:lstStyle>
            <a:lvl1pPr algn="r">
              <a:defRPr sz="800" b="0" cap="all" spc="0" baseline="0">
                <a:solidFill>
                  <a:schemeClr val="tx1"/>
                </a:solidFill>
              </a:defRPr>
            </a:lvl1pPr>
          </a:lstStyle>
          <a:p>
            <a:r>
              <a:rPr lang="en-US"/>
              <a:t>
              </a:t>
            </a:r>
          </a:p>
        </p:txBody>
      </p:sp>
      <p:sp>
        <p:nvSpPr>
          <p:cNvPr id="6" name="Slide Number Placeholder 5">
            <a:extLst>
              <a:ext uri="{FF2B5EF4-FFF2-40B4-BE49-F238E27FC236}">
                <a16:creationId xmlns:a16="http://schemas.microsoft.com/office/drawing/2014/main" id="{D109DC1A-2539-3AE9-11EA-B87D22E62CDB}"/>
              </a:ext>
            </a:extLst>
          </p:cNvPr>
          <p:cNvSpPr>
            <a:spLocks noGrp="1"/>
          </p:cNvSpPr>
          <p:nvPr>
            <p:ph type="sldNum" sz="quarter" idx="4"/>
          </p:nvPr>
        </p:nvSpPr>
        <p:spPr>
          <a:xfrm>
            <a:off x="11403951" y="6425816"/>
            <a:ext cx="429768" cy="365125"/>
          </a:xfrm>
          <a:prstGeom prst="rect">
            <a:avLst/>
          </a:prstGeom>
        </p:spPr>
        <p:txBody>
          <a:bodyPr vert="horz" lIns="91440" tIns="45720" rIns="91440" bIns="45720" rtlCol="0" anchor="ctr"/>
          <a:lstStyle>
            <a:lvl1pPr algn="r">
              <a:defRPr sz="800">
                <a:solidFill>
                  <a:schemeClr val="tx1"/>
                </a:solidFill>
              </a:defRPr>
            </a:lvl1pPr>
          </a:lstStyle>
          <a:p>
            <a:fld id="{6E91CC32-6A6B-4E2E-BBA1-6864F305DA26}" type="slidenum">
              <a:rPr lang="en-US" dirty="0"/>
              <a:t>‹#›</a:t>
            </a:fld>
            <a:endParaRPr lang="en-US"/>
          </a:p>
        </p:txBody>
      </p:sp>
    </p:spTree>
    <p:extLst>
      <p:ext uri="{BB962C8B-B14F-4D97-AF65-F5344CB8AC3E}">
        <p14:creationId xmlns:p14="http://schemas.microsoft.com/office/powerpoint/2010/main" val="1564007360"/>
      </p:ext>
    </p:extLst>
  </p:cSld>
  <p:clrMap bg1="dk1" tx1="lt1" bg2="dk2" tx2="lt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08" r:id="rId13"/>
    <p:sldLayoutId id="2147483709" r:id="rId14"/>
    <p:sldLayoutId id="2147483710" r:id="rId15"/>
    <p:sldLayoutId id="2147483711" r:id="rId16"/>
    <p:sldLayoutId id="2147483712" r:id="rId17"/>
    <p:sldLayoutId id="2147483713" r:id="rId18"/>
    <p:sldLayoutId id="2147483714" r:id="rId19"/>
    <p:sldLayoutId id="2147483715" r:id="rId20"/>
  </p:sldLayoutIdLst>
  <p:hf hdr="0"/>
  <p:txStyles>
    <p:titleStyle>
      <a:lvl1pPr algn="l" defTabSz="914400" rtl="0" eaLnBrk="1" latinLnBrk="0" hangingPunct="1">
        <a:lnSpc>
          <a:spcPct val="90000"/>
        </a:lnSpc>
        <a:spcBef>
          <a:spcPct val="0"/>
        </a:spcBef>
        <a:buNone/>
        <a:defRPr sz="4400" b="1" kern="1200">
          <a:solidFill>
            <a:schemeClr val="tx1"/>
          </a:solidFill>
          <a:latin typeface="+mj-lt"/>
          <a:ea typeface="+mj-ea"/>
          <a:cs typeface="+mj-cs"/>
        </a:defRPr>
      </a:lvl1pPr>
    </p:titleStyle>
    <p:bodyStyle>
      <a:lvl1pPr marL="228600" indent="-228600" algn="l" defTabSz="914400" rtl="0" eaLnBrk="1" latinLnBrk="0" hangingPunct="1">
        <a:lnSpc>
          <a:spcPct val="120000"/>
        </a:lnSpc>
        <a:spcBef>
          <a:spcPts val="1000"/>
        </a:spcBef>
        <a:buFont typeface="Arial" panose="020B0604020202020204" pitchFamily="34" charset="0"/>
        <a:buChar char="•"/>
        <a:defRPr sz="1800" kern="1200">
          <a:solidFill>
            <a:schemeClr val="tx1"/>
          </a:solidFill>
          <a:latin typeface="+mn-lt"/>
          <a:ea typeface="+mn-ea"/>
          <a:cs typeface="+mn-cs"/>
        </a:defRPr>
      </a:lvl1pPr>
      <a:lvl2pPr marL="457200" indent="-228600" algn="l" defTabSz="914400" rtl="0" eaLnBrk="1" latinLnBrk="0" hangingPunct="1">
        <a:lnSpc>
          <a:spcPct val="120000"/>
        </a:lnSpc>
        <a:spcBef>
          <a:spcPts val="500"/>
        </a:spcBef>
        <a:buFont typeface="Neue Haas Grotesk Text Pro" panose="020B0504020202020204" pitchFamily="34" charset="0"/>
        <a:buChar char="+"/>
        <a:defRPr sz="1600" kern="1200">
          <a:solidFill>
            <a:schemeClr val="tx1"/>
          </a:solidFill>
          <a:latin typeface="+mn-lt"/>
          <a:ea typeface="+mn-ea"/>
          <a:cs typeface="+mn-cs"/>
        </a:defRPr>
      </a:lvl2pPr>
      <a:lvl3pPr marL="6858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3pPr>
      <a:lvl4pPr marL="868680" indent="-228600" algn="l" defTabSz="914400" rtl="0" eaLnBrk="1" latinLnBrk="0" hangingPunct="1">
        <a:lnSpc>
          <a:spcPct val="120000"/>
        </a:lnSpc>
        <a:spcBef>
          <a:spcPts val="500"/>
        </a:spcBef>
        <a:buFont typeface="Neue Haas Grotesk Text Pro" panose="020B0504020202020204" pitchFamily="34" charset="0"/>
        <a:buChar char="+"/>
        <a:defRPr sz="1200" kern="1200">
          <a:solidFill>
            <a:schemeClr val="tx1"/>
          </a:solidFill>
          <a:latin typeface="+mn-lt"/>
          <a:ea typeface="+mn-ea"/>
          <a:cs typeface="+mn-cs"/>
        </a:defRPr>
      </a:lvl4pPr>
      <a:lvl5pPr marL="1097280" indent="-228600" algn="l" defTabSz="914400" rtl="0" eaLnBrk="1" latinLnBrk="0" hangingPunct="1">
        <a:lnSpc>
          <a:spcPct val="120000"/>
        </a:lnSpc>
        <a:spcBef>
          <a:spcPts val="500"/>
        </a:spcBef>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528">
          <p15:clr>
            <a:srgbClr val="F26B43"/>
          </p15:clr>
        </p15:guide>
        <p15:guide id="19" orient="horz" pos="2160">
          <p15:clr>
            <a:srgbClr val="F26B43"/>
          </p15:clr>
        </p15:guide>
        <p15:guide id="20" pos="384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F4C17E5-24ED-44BC-BA50-02EF903552E1}"/>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4833D101-3AF0-4F06-90ED-B83615C36CE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2AE9FDE-AF95-49F8-A927-35A23C9E653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a:extLst>
              <a:ext uri="{FF2B5EF4-FFF2-40B4-BE49-F238E27FC236}">
                <a16:creationId xmlns:a16="http://schemas.microsoft.com/office/drawing/2014/main" id="{CC2E900D-8FF9-4E80-860D-89C2D3B4E4E1}"/>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PRESENTATION TITLE</a:t>
            </a:r>
          </a:p>
        </p:txBody>
      </p:sp>
      <p:sp>
        <p:nvSpPr>
          <p:cNvPr id="6" name="Slide Number Placeholder 5">
            <a:extLst>
              <a:ext uri="{FF2B5EF4-FFF2-40B4-BE49-F238E27FC236}">
                <a16:creationId xmlns:a16="http://schemas.microsoft.com/office/drawing/2014/main" id="{F1A66A0C-1415-46A3-A1FF-BE18C70873E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49DFD55-3C28-40EF-9E31-A92D2E4017FF}" type="slidenum">
              <a:rPr lang="en-US" smtClean="0"/>
              <a:t>‹#›</a:t>
            </a:fld>
            <a:endParaRPr lang="en-US"/>
          </a:p>
        </p:txBody>
      </p:sp>
    </p:spTree>
    <p:extLst>
      <p:ext uri="{BB962C8B-B14F-4D97-AF65-F5344CB8AC3E}">
        <p14:creationId xmlns:p14="http://schemas.microsoft.com/office/powerpoint/2010/main" val="231906122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9" r:id="rId3"/>
    <p:sldLayoutId id="2147483670" r:id="rId4"/>
    <p:sldLayoutId id="2147483651" r:id="rId5"/>
    <p:sldLayoutId id="2147483671" r:id="rId6"/>
    <p:sldLayoutId id="2147483672" r:id="rId7"/>
    <p:sldLayoutId id="2147483673" r:id="rId8"/>
    <p:sldLayoutId id="2147483664" r:id="rId9"/>
    <p:sldLayoutId id="2147483674" r:id="rId10"/>
    <p:sldLayoutId id="2147483653" r:id="rId11"/>
    <p:sldLayoutId id="2147483667" r:id="rId12"/>
    <p:sldLayoutId id="2147483665" r:id="rId13"/>
  </p:sldLayoutIdLst>
  <p:hf hdr="0" ftr="0" dt="0"/>
  <p:txStyles>
    <p:titleStyle>
      <a:lvl1pPr algn="l" defTabSz="914400" rtl="0" eaLnBrk="1" latinLnBrk="0" hangingPunct="1">
        <a:lnSpc>
          <a:spcPct val="90000"/>
        </a:lnSpc>
        <a:spcBef>
          <a:spcPct val="0"/>
        </a:spcBef>
        <a:buNone/>
        <a:defRPr sz="4400" kern="1200" cap="all" baseline="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xml"/><Relationship Id="rId1" Type="http://schemas.openxmlformats.org/officeDocument/2006/relationships/slideLayout" Target="../slideLayouts/slideLayout26.xml"/></Relationships>
</file>

<file path=ppt/slides/_rels/slide1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image" Target="../media/image32.jpeg"/><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slideLayout" Target="../slideLayouts/slideLayout3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11.xml.rels><?xml version="1.0" encoding="UTF-8" standalone="yes"?>
<Relationships xmlns="http://schemas.openxmlformats.org/package/2006/relationships"><Relationship Id="rId8" Type="http://schemas.openxmlformats.org/officeDocument/2006/relationships/hyperlink" Target="http://www.youtube.com/watch?app=desktop&amp;v=8Vnoso8rhaw." TargetMode="External"/><Relationship Id="rId3" Type="http://schemas.openxmlformats.org/officeDocument/2006/relationships/hyperlink" Target="http://www.icapsulepack.com/pill-size-chart/" TargetMode="External"/><Relationship Id="rId7" Type="http://schemas.openxmlformats.org/officeDocument/2006/relationships/hyperlink" Target="http://formlabs.com/blog/guide-to-food-safe-3d-printing/" TargetMode="External"/><Relationship Id="rId2" Type="http://schemas.openxmlformats.org/officeDocument/2006/relationships/hyperlink" Target="https://www.ncbi.nlm.nih.gov/pmc/articles/PMC4590815/" TargetMode="External"/><Relationship Id="rId1" Type="http://schemas.openxmlformats.org/officeDocument/2006/relationships/slideLayout" Target="../slideLayouts/slideLayout16.xml"/><Relationship Id="rId6" Type="http://schemas.openxmlformats.org/officeDocument/2006/relationships/hyperlink" Target="http://www.ncbi.nlm.nih.gov/pmc/articles/PMC9047934/" TargetMode="External"/><Relationship Id="rId5" Type="http://schemas.openxmlformats.org/officeDocument/2006/relationships/hyperlink" Target="https://www.cdc.gov/nchs/products/databriefs/db347.htm#:~:text=Among%20U.S.%20adults%20aged%2060,proton%20pump%20inhibitors%20(16.9%25/" TargetMode="External"/><Relationship Id="rId4" Type="http://schemas.openxmlformats.org/officeDocument/2006/relationships/hyperlink" Target="http://www.ncbi.nlm.nih.gov/pmc/articles/PMC4573668/" TargetMode="External"/><Relationship Id="rId9" Type="http://schemas.openxmlformats.org/officeDocument/2006/relationships/image" Target="../media/image13.png"/></Relationships>
</file>

<file path=ppt/slides/_rels/slide12.xml.rels><?xml version="1.0" encoding="UTF-8" standalone="yes"?>
<Relationships xmlns="http://schemas.openxmlformats.org/package/2006/relationships"><Relationship Id="rId8" Type="http://schemas.openxmlformats.org/officeDocument/2006/relationships/hyperlink" Target="http://www.youtube.com/watch?v=l1ECQJ63jCg." TargetMode="External"/><Relationship Id="rId3" Type="http://schemas.openxmlformats.org/officeDocument/2006/relationships/hyperlink" Target="http://www.dscbalances.com/collections/pill-counting-scales.&#8203;" TargetMode="External"/><Relationship Id="rId7" Type="http://schemas.openxmlformats.org/officeDocument/2006/relationships/hyperlink" Target="http://www.youtube.com/watch?v=ffu1d6DnqjQ." TargetMode="External"/><Relationship Id="rId2" Type="http://schemas.openxmlformats.org/officeDocument/2006/relationships/hyperlink" Target="http://www.merckmanuals.com/home/older-people%E2%80%99s-health-issues/aging-and-medications/aging-and-medications." TargetMode="External"/><Relationship Id="rId1" Type="http://schemas.openxmlformats.org/officeDocument/2006/relationships/slideLayout" Target="../slideLayouts/slideLayout16.xml"/><Relationship Id="rId6" Type="http://schemas.openxmlformats.org/officeDocument/2006/relationships/hyperlink" Target="http://www.geckohaha.com/what-is-pla-plastic/" TargetMode="External"/><Relationship Id="rId5" Type="http://schemas.openxmlformats.org/officeDocument/2006/relationships/hyperlink" Target="http://www.rosemontpharma.com/tablet-crushing/" TargetMode="External"/><Relationship Id="rId10" Type="http://schemas.openxmlformats.org/officeDocument/2006/relationships/image" Target="../media/image13.png"/><Relationship Id="rId4" Type="http://schemas.openxmlformats.org/officeDocument/2006/relationships/hyperlink" Target="http://www.youtube.com/watch?v=VHAqJ9a7SqI." TargetMode="External"/><Relationship Id="rId9" Type="http://schemas.openxmlformats.org/officeDocument/2006/relationships/hyperlink" Target="http://www.youtube.com/watch?v=mO_NhPjw8f0." TargetMode="External"/></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image" Target="../media/image14.jpeg"/><Relationship Id="rId7"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27.xml"/><Relationship Id="rId6" Type="http://schemas.openxmlformats.org/officeDocument/2006/relationships/image" Target="../media/image17.jpeg"/><Relationship Id="rId5" Type="http://schemas.openxmlformats.org/officeDocument/2006/relationships/image" Target="../media/image16.jpeg"/><Relationship Id="rId4" Type="http://schemas.openxmlformats.org/officeDocument/2006/relationships/image" Target="../media/image15.png"/></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24.png"/><Relationship Id="rId2" Type="http://schemas.openxmlformats.org/officeDocument/2006/relationships/image" Target="../media/image20.jpeg"/><Relationship Id="rId1" Type="http://schemas.openxmlformats.org/officeDocument/2006/relationships/slideLayout" Target="../slideLayouts/slideLayout17.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17.xml"/><Relationship Id="rId4" Type="http://schemas.openxmlformats.org/officeDocument/2006/relationships/image" Target="../media/image25.pn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17.xml"/><Relationship Id="rId4" Type="http://schemas.openxmlformats.org/officeDocument/2006/relationships/image" Target="../media/image26.png"/></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6.xml"/><Relationship Id="rId1" Type="http://schemas.openxmlformats.org/officeDocument/2006/relationships/slideLayout" Target="../slideLayouts/slideLayout17.xml"/><Relationship Id="rId4"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31.jpeg"/><Relationship Id="rId2" Type="http://schemas.openxmlformats.org/officeDocument/2006/relationships/notesSlide" Target="../notesSlides/notesSlide7.xml"/><Relationship Id="rId1" Type="http://schemas.openxmlformats.org/officeDocument/2006/relationships/slideLayout" Target="../slideLayouts/slideLayout17.xml"/><Relationship Id="rId6" Type="http://schemas.openxmlformats.org/officeDocument/2006/relationships/image" Target="../media/image30.jpeg"/><Relationship Id="rId5" Type="http://schemas.openxmlformats.org/officeDocument/2006/relationships/image" Target="../media/image29.jpeg"/><Relationship Id="rId4" Type="http://schemas.openxmlformats.org/officeDocument/2006/relationships/image" Target="../media/image28.jpeg"/></Relationships>
</file>

<file path=ppt/slides/_rels/slide9.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8.xml"/><Relationship Id="rId1" Type="http://schemas.openxmlformats.org/officeDocument/2006/relationships/slideLayout" Target="../slideLayouts/slideLayout1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E75451-6A4B-484B-9ED1-353CCE25B0F4}"/>
              </a:ext>
            </a:extLst>
          </p:cNvPr>
          <p:cNvSpPr>
            <a:spLocks noGrp="1"/>
          </p:cNvSpPr>
          <p:nvPr>
            <p:ph type="ctrTitle"/>
          </p:nvPr>
        </p:nvSpPr>
        <p:spPr/>
        <p:txBody>
          <a:bodyPr anchor="b">
            <a:normAutofit/>
          </a:bodyPr>
          <a:lstStyle/>
          <a:p>
            <a:r>
              <a:rPr lang="en-US" sz="5000">
                <a:solidFill>
                  <a:srgbClr val="BEB3F9"/>
                </a:solidFill>
              </a:rPr>
              <a:t>Dr. Pill</a:t>
            </a:r>
          </a:p>
        </p:txBody>
      </p:sp>
      <p:sp>
        <p:nvSpPr>
          <p:cNvPr id="3" name="TextBox 2">
            <a:extLst>
              <a:ext uri="{FF2B5EF4-FFF2-40B4-BE49-F238E27FC236}">
                <a16:creationId xmlns:a16="http://schemas.microsoft.com/office/drawing/2014/main" id="{54CD7046-FA41-1BC3-7E76-F611611C75A2}"/>
              </a:ext>
            </a:extLst>
          </p:cNvPr>
          <p:cNvSpPr txBox="1"/>
          <p:nvPr/>
        </p:nvSpPr>
        <p:spPr>
          <a:xfrm>
            <a:off x="6988629" y="3864032"/>
            <a:ext cx="4179570" cy="368624"/>
          </a:xfrm>
          <a:prstGeom prst="rect">
            <a:avLst/>
          </a:prstGeom>
        </p:spPr>
        <p:txBody>
          <a:bodyPr rot="0" spcFirstLastPara="0" vertOverflow="overflow" horzOverflow="overflow" vert="horz" lIns="91440" tIns="45720" rIns="91440" bIns="45720" numCol="1" spcCol="0" rtlCol="0" fromWordArt="0" anchor="t" anchorCtr="0" forceAA="0" compatLnSpc="1">
            <a:prstTxWarp prst="textNoShape">
              <a:avLst/>
            </a:prstTxWarp>
            <a:noAutofit/>
          </a:bodyPr>
          <a:lstStyle/>
          <a:p>
            <a:pPr>
              <a:spcBef>
                <a:spcPts val="1000"/>
              </a:spcBef>
            </a:pPr>
            <a:r>
              <a:rPr lang="en-US" sz="2500" kern="1200" spc="50" baseline="0">
                <a:solidFill>
                  <a:srgbClr val="898989"/>
                </a:solidFill>
              </a:rPr>
              <a:t>Automatic Pill Dispenser</a:t>
            </a:r>
          </a:p>
        </p:txBody>
      </p:sp>
      <p:pic>
        <p:nvPicPr>
          <p:cNvPr id="12" name="Picture 11" descr="A white line art of a bottle and a pill&#10;&#10;Description automatically generated">
            <a:extLst>
              <a:ext uri="{FF2B5EF4-FFF2-40B4-BE49-F238E27FC236}">
                <a16:creationId xmlns:a16="http://schemas.microsoft.com/office/drawing/2014/main" id="{2E385DED-79CC-98F7-90C6-62D2BBAFE783}"/>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14" name="TextBox 13">
            <a:extLst>
              <a:ext uri="{FF2B5EF4-FFF2-40B4-BE49-F238E27FC236}">
                <a16:creationId xmlns:a16="http://schemas.microsoft.com/office/drawing/2014/main" id="{149C7556-C3C3-453C-FDE8-5871C1894FFB}"/>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Tree>
    <p:extLst>
      <p:ext uri="{BB962C8B-B14F-4D97-AF65-F5344CB8AC3E}">
        <p14:creationId xmlns:p14="http://schemas.microsoft.com/office/powerpoint/2010/main" val="143419683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319E859-1E8C-04C9-50C0-0CDD712739B6}"/>
              </a:ext>
            </a:extLst>
          </p:cNvPr>
          <p:cNvSpPr>
            <a:spLocks noGrp="1"/>
          </p:cNvSpPr>
          <p:nvPr>
            <p:ph type="ftr" sz="quarter" idx="11"/>
          </p:nvPr>
        </p:nvSpPr>
        <p:spPr/>
        <p:txBody>
          <a:bodyPr/>
          <a:lstStyle/>
          <a:p>
            <a:r>
              <a:rPr lang="en-US"/>
              <a:t>
              </a:t>
            </a:r>
          </a:p>
        </p:txBody>
      </p:sp>
      <p:sp>
        <p:nvSpPr>
          <p:cNvPr id="5" name="OTLSHAPE_TB_00000000000000000000000000000000_LeftEndCaps" hidden="1">
            <a:extLst>
              <a:ext uri="{FF2B5EF4-FFF2-40B4-BE49-F238E27FC236}">
                <a16:creationId xmlns:a16="http://schemas.microsoft.com/office/drawing/2014/main" id="{1F890028-A5E9-64DD-B203-BCEF1B5EAA8E}"/>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629DD1"/>
                </a:solidFill>
                <a:latin typeface="Calibri" panose="020F0502020204030204" pitchFamily="34" charset="0"/>
              </a:rPr>
              <a:t>2024</a:t>
            </a:r>
          </a:p>
        </p:txBody>
      </p:sp>
      <p:sp>
        <p:nvSpPr>
          <p:cNvPr id="6" name="OTLSHAPE_TB_00000000000000000000000000000000_RightEndCaps">
            <a:extLst>
              <a:ext uri="{FF2B5EF4-FFF2-40B4-BE49-F238E27FC236}">
                <a16:creationId xmlns:a16="http://schemas.microsoft.com/office/drawing/2014/main" id="{996E4EBC-3E2D-EFDA-E7ED-49E4B13EEAAD}"/>
              </a:ext>
            </a:extLst>
          </p:cNvPr>
          <p:cNvSpPr txBox="1"/>
          <p:nvPr>
            <p:custDataLst>
              <p:tags r:id="rId3"/>
            </p:custDataLst>
          </p:nvPr>
        </p:nvSpPr>
        <p:spPr>
          <a:xfrm>
            <a:off x="11474534" y="3976455"/>
            <a:ext cx="449610" cy="279061"/>
          </a:xfrm>
          <a:prstGeom prst="rect">
            <a:avLst/>
          </a:prstGeom>
          <a:noFill/>
        </p:spPr>
        <p:txBody>
          <a:bodyPr vert="horz" wrap="none" lIns="0" tIns="0" rIns="0" bIns="0" rtlCol="0" anchor="ctr" anchorCtr="0">
            <a:spAutoFit/>
          </a:bodyPr>
          <a:lstStyle/>
          <a:p>
            <a:pPr algn="ctr"/>
            <a:r>
              <a:rPr lang="en-US" b="1" spc="-44">
                <a:solidFill>
                  <a:srgbClr val="629DD1"/>
                </a:solidFill>
                <a:latin typeface="Calibri" panose="020F0502020204030204" pitchFamily="34" charset="0"/>
              </a:rPr>
              <a:t>2025</a:t>
            </a:r>
          </a:p>
        </p:txBody>
      </p:sp>
      <p:cxnSp>
        <p:nvCxnSpPr>
          <p:cNvPr id="94" name="OTLSHAPE_M_f20b1c80c8ae4c05a58ac70f21557874_Connector1">
            <a:extLst>
              <a:ext uri="{FF2B5EF4-FFF2-40B4-BE49-F238E27FC236}">
                <a16:creationId xmlns:a16="http://schemas.microsoft.com/office/drawing/2014/main" id="{140A6FEC-EF4E-9624-73A2-E505EDE7CDA9}"/>
              </a:ext>
            </a:extLst>
          </p:cNvPr>
          <p:cNvCxnSpPr/>
          <p:nvPr>
            <p:custDataLst>
              <p:tags r:id="rId4"/>
            </p:custDataLst>
          </p:nvPr>
        </p:nvCxnSpPr>
        <p:spPr>
          <a:xfrm>
            <a:off x="2854666" y="4274735"/>
            <a:ext cx="0" cy="703498"/>
          </a:xfrm>
          <a:prstGeom prst="line">
            <a:avLst/>
          </a:prstGeom>
          <a:ln w="4763" cap="flat" cmpd="sng" algn="ctr">
            <a:solidFill>
              <a:srgbClr val="3F4754">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 name="OTLSHAPE_M_5e7a8fabfd1647d394a86a9ea7825794_Connector1">
            <a:extLst>
              <a:ext uri="{FF2B5EF4-FFF2-40B4-BE49-F238E27FC236}">
                <a16:creationId xmlns:a16="http://schemas.microsoft.com/office/drawing/2014/main" id="{14B66BE5-4526-8866-9767-A32345D9B9A1}"/>
              </a:ext>
            </a:extLst>
          </p:cNvPr>
          <p:cNvCxnSpPr/>
          <p:nvPr>
            <p:custDataLst>
              <p:tags r:id="rId5"/>
            </p:custDataLst>
          </p:nvPr>
        </p:nvCxnSpPr>
        <p:spPr>
          <a:xfrm>
            <a:off x="3200163" y="3797568"/>
            <a:ext cx="0" cy="159668"/>
          </a:xfrm>
          <a:prstGeom prst="line">
            <a:avLst/>
          </a:prstGeom>
          <a:ln w="4763" cap="flat" cmpd="sng" algn="ctr">
            <a:solidFill>
              <a:srgbClr val="3F4754">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C1E9FA66-42B5-F570-6687-B81F3DB5520A}"/>
              </a:ext>
            </a:extLst>
          </p:cNvPr>
          <p:cNvSpPr/>
          <p:nvPr>
            <p:custDataLst>
              <p:tags r:id="rId6"/>
            </p:custDataLst>
          </p:nvPr>
        </p:nvSpPr>
        <p:spPr>
          <a:xfrm>
            <a:off x="844465" y="3957236"/>
            <a:ext cx="10515600" cy="317500"/>
          </a:xfrm>
          <a:prstGeom prst="roundRect">
            <a:avLst/>
          </a:prstGeom>
          <a:solidFill>
            <a:srgbClr val="80808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
            <a:extLst>
              <a:ext uri="{FF2B5EF4-FFF2-40B4-BE49-F238E27FC236}">
                <a16:creationId xmlns:a16="http://schemas.microsoft.com/office/drawing/2014/main" id="{AFE9C556-7711-932E-D50C-3068D3F2005E}"/>
              </a:ext>
            </a:extLst>
          </p:cNvPr>
          <p:cNvSpPr/>
          <p:nvPr>
            <p:custDataLst>
              <p:tags r:id="rId7"/>
            </p:custDataLst>
          </p:nvPr>
        </p:nvSpPr>
        <p:spPr>
          <a:xfrm>
            <a:off x="844465" y="3957236"/>
            <a:ext cx="2349500" cy="317500"/>
          </a:xfrm>
          <a:prstGeom prst="roundRect">
            <a:avLst/>
          </a:prstGeom>
          <a:solidFill>
            <a:schemeClr val="dk1">
              <a:alpha val="30196"/>
            </a:schemeClr>
          </a:solidFill>
          <a:ln w="1270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516CFCAF-ECCA-64EC-5E50-EE8BD1275B69}"/>
              </a:ext>
            </a:extLst>
          </p:cNvPr>
          <p:cNvSpPr/>
          <p:nvPr>
            <p:custDataLst>
              <p:tags r:id="rId8"/>
            </p:custDataLst>
          </p:nvPr>
        </p:nvSpPr>
        <p:spPr>
          <a:xfrm>
            <a:off x="3142516" y="4274736"/>
            <a:ext cx="101600" cy="10583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582434AA-5A17-D0F2-24E8-5E8CE3A1D49A}"/>
              </a:ext>
            </a:extLst>
          </p:cNvPr>
          <p:cNvSpPr txBox="1"/>
          <p:nvPr>
            <p:custDataLst>
              <p:tags r:id="rId9"/>
            </p:custDataLst>
          </p:nvPr>
        </p:nvSpPr>
        <p:spPr>
          <a:xfrm>
            <a:off x="3007745" y="4380569"/>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D60174E4-B1C6-C4A9-8927-76606671EE56}"/>
              </a:ext>
            </a:extLst>
          </p:cNvPr>
          <p:cNvSpPr txBox="1"/>
          <p:nvPr>
            <p:custDataLst>
              <p:tags r:id="rId10"/>
            </p:custDataLst>
          </p:nvPr>
        </p:nvSpPr>
        <p:spPr>
          <a:xfrm>
            <a:off x="907965" y="4022958"/>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13" name="OTLSHAPE_TB_00000000000000000000000000000000_TimescaleInterval2">
            <a:extLst>
              <a:ext uri="{FF2B5EF4-FFF2-40B4-BE49-F238E27FC236}">
                <a16:creationId xmlns:a16="http://schemas.microsoft.com/office/drawing/2014/main" id="{50B6F03C-8FE9-234E-5BF6-32C3E48ABC6F}"/>
              </a:ext>
            </a:extLst>
          </p:cNvPr>
          <p:cNvSpPr txBox="1"/>
          <p:nvPr>
            <p:custDataLst>
              <p:tags r:id="rId11"/>
            </p:custDataLst>
          </p:nvPr>
        </p:nvSpPr>
        <p:spPr>
          <a:xfrm>
            <a:off x="1979002" y="4022958"/>
            <a:ext cx="22762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15" name="OTLSHAPE_TB_00000000000000000000000000000000_TimescaleInterval3">
            <a:extLst>
              <a:ext uri="{FF2B5EF4-FFF2-40B4-BE49-F238E27FC236}">
                <a16:creationId xmlns:a16="http://schemas.microsoft.com/office/drawing/2014/main" id="{3EFB9202-969C-492E-477A-1774961D9579}"/>
              </a:ext>
            </a:extLst>
          </p:cNvPr>
          <p:cNvSpPr txBox="1"/>
          <p:nvPr>
            <p:custDataLst>
              <p:tags r:id="rId12"/>
            </p:custDataLst>
          </p:nvPr>
        </p:nvSpPr>
        <p:spPr>
          <a:xfrm>
            <a:off x="3015489" y="4022958"/>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17" name="OTLSHAPE_TB_00000000000000000000000000000000_TimescaleInterval4">
            <a:extLst>
              <a:ext uri="{FF2B5EF4-FFF2-40B4-BE49-F238E27FC236}">
                <a16:creationId xmlns:a16="http://schemas.microsoft.com/office/drawing/2014/main" id="{70ACFC0C-FBE5-E565-4D7B-E5100A918E08}"/>
              </a:ext>
            </a:extLst>
          </p:cNvPr>
          <p:cNvSpPr txBox="1"/>
          <p:nvPr>
            <p:custDataLst>
              <p:tags r:id="rId13"/>
            </p:custDataLst>
          </p:nvPr>
        </p:nvSpPr>
        <p:spPr>
          <a:xfrm>
            <a:off x="4086526" y="4022958"/>
            <a:ext cx="249364"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19" name="OTLSHAPE_TB_00000000000000000000000000000000_TimescaleInterval5">
            <a:extLst>
              <a:ext uri="{FF2B5EF4-FFF2-40B4-BE49-F238E27FC236}">
                <a16:creationId xmlns:a16="http://schemas.microsoft.com/office/drawing/2014/main" id="{214F5015-464E-250E-39CE-553E570C466A}"/>
              </a:ext>
            </a:extLst>
          </p:cNvPr>
          <p:cNvSpPr txBox="1"/>
          <p:nvPr>
            <p:custDataLst>
              <p:tags r:id="rId14"/>
            </p:custDataLst>
          </p:nvPr>
        </p:nvSpPr>
        <p:spPr>
          <a:xfrm>
            <a:off x="5123013" y="4022958"/>
            <a:ext cx="237244"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1" name="OTLSHAPE_TB_00000000000000000000000000000000_TimescaleInterval6">
            <a:extLst>
              <a:ext uri="{FF2B5EF4-FFF2-40B4-BE49-F238E27FC236}">
                <a16:creationId xmlns:a16="http://schemas.microsoft.com/office/drawing/2014/main" id="{419DD011-E453-6A54-917B-1D49D55519F4}"/>
              </a:ext>
            </a:extLst>
          </p:cNvPr>
          <p:cNvSpPr txBox="1"/>
          <p:nvPr>
            <p:custDataLst>
              <p:tags r:id="rId15"/>
            </p:custDataLst>
          </p:nvPr>
        </p:nvSpPr>
        <p:spPr>
          <a:xfrm>
            <a:off x="6194050" y="4022958"/>
            <a:ext cx="203582"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23" name="OTLSHAPE_TB_00000000000000000000000000000000_TimescaleInterval7">
            <a:extLst>
              <a:ext uri="{FF2B5EF4-FFF2-40B4-BE49-F238E27FC236}">
                <a16:creationId xmlns:a16="http://schemas.microsoft.com/office/drawing/2014/main" id="{8F9B1F8C-DCAA-5B46-2A25-D04964D51D8A}"/>
              </a:ext>
            </a:extLst>
          </p:cNvPr>
          <p:cNvSpPr txBox="1"/>
          <p:nvPr>
            <p:custDataLst>
              <p:tags r:id="rId16"/>
            </p:custDataLst>
          </p:nvPr>
        </p:nvSpPr>
        <p:spPr>
          <a:xfrm>
            <a:off x="7265087" y="4022958"/>
            <a:ext cx="225383"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25" name="OTLSHAPE_TB_00000000000000000000000000000000_TimescaleInterval8">
            <a:extLst>
              <a:ext uri="{FF2B5EF4-FFF2-40B4-BE49-F238E27FC236}">
                <a16:creationId xmlns:a16="http://schemas.microsoft.com/office/drawing/2014/main" id="{0C14AEBC-9DE3-32F6-5B88-C2AA83D81F45}"/>
              </a:ext>
            </a:extLst>
          </p:cNvPr>
          <p:cNvSpPr txBox="1"/>
          <p:nvPr>
            <p:custDataLst>
              <p:tags r:id="rId17"/>
            </p:custDataLst>
          </p:nvPr>
        </p:nvSpPr>
        <p:spPr>
          <a:xfrm>
            <a:off x="8232474" y="4022958"/>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107" name="OTLSHAPE_TB_00000000000000000000000000000000_TimescaleInterval9">
            <a:extLst>
              <a:ext uri="{FF2B5EF4-FFF2-40B4-BE49-F238E27FC236}">
                <a16:creationId xmlns:a16="http://schemas.microsoft.com/office/drawing/2014/main" id="{54858B4E-4297-0211-F06F-D53EA6AE9F29}"/>
              </a:ext>
            </a:extLst>
          </p:cNvPr>
          <p:cNvSpPr txBox="1"/>
          <p:nvPr>
            <p:custDataLst>
              <p:tags r:id="rId18"/>
            </p:custDataLst>
          </p:nvPr>
        </p:nvSpPr>
        <p:spPr>
          <a:xfrm>
            <a:off x="9303511" y="4022958"/>
            <a:ext cx="22281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109" name="OTLSHAPE_TB_00000000000000000000000000000000_TimescaleInterval10">
            <a:extLst>
              <a:ext uri="{FF2B5EF4-FFF2-40B4-BE49-F238E27FC236}">
                <a16:creationId xmlns:a16="http://schemas.microsoft.com/office/drawing/2014/main" id="{EED527D6-3516-3FBF-FD6C-CDDB268F7311}"/>
              </a:ext>
            </a:extLst>
          </p:cNvPr>
          <p:cNvSpPr txBox="1"/>
          <p:nvPr>
            <p:custDataLst>
              <p:tags r:id="rId19"/>
            </p:custDataLst>
          </p:nvPr>
        </p:nvSpPr>
        <p:spPr>
          <a:xfrm>
            <a:off x="10339998" y="4022958"/>
            <a:ext cx="27122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cxnSp>
        <p:nvCxnSpPr>
          <p:cNvPr id="12" name="OTLSHAPE_TB_00000000000000000000000000000000_Separator1">
            <a:extLst>
              <a:ext uri="{FF2B5EF4-FFF2-40B4-BE49-F238E27FC236}">
                <a16:creationId xmlns:a16="http://schemas.microsoft.com/office/drawing/2014/main" id="{33E23D5D-7BFB-7761-A879-8FB341B5BBD7}"/>
              </a:ext>
            </a:extLst>
          </p:cNvPr>
          <p:cNvCxnSpPr/>
          <p:nvPr>
            <p:custDataLst>
              <p:tags r:id="rId20"/>
            </p:custDataLst>
          </p:nvPr>
        </p:nvCxnSpPr>
        <p:spPr>
          <a:xfrm>
            <a:off x="1915502"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2">
            <a:extLst>
              <a:ext uri="{FF2B5EF4-FFF2-40B4-BE49-F238E27FC236}">
                <a16:creationId xmlns:a16="http://schemas.microsoft.com/office/drawing/2014/main" id="{8BA9AF1B-FC83-7F0F-13DB-9C1E95CFF9B1}"/>
              </a:ext>
            </a:extLst>
          </p:cNvPr>
          <p:cNvCxnSpPr/>
          <p:nvPr>
            <p:custDataLst>
              <p:tags r:id="rId21"/>
            </p:custDataLst>
          </p:nvPr>
        </p:nvCxnSpPr>
        <p:spPr>
          <a:xfrm>
            <a:off x="2951989"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3">
            <a:extLst>
              <a:ext uri="{FF2B5EF4-FFF2-40B4-BE49-F238E27FC236}">
                <a16:creationId xmlns:a16="http://schemas.microsoft.com/office/drawing/2014/main" id="{0BF94EE0-67C9-6E3E-F41D-F96E0424858E}"/>
              </a:ext>
            </a:extLst>
          </p:cNvPr>
          <p:cNvCxnSpPr/>
          <p:nvPr>
            <p:custDataLst>
              <p:tags r:id="rId22"/>
            </p:custDataLst>
          </p:nvPr>
        </p:nvCxnSpPr>
        <p:spPr>
          <a:xfrm>
            <a:off x="4023025"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4">
            <a:extLst>
              <a:ext uri="{FF2B5EF4-FFF2-40B4-BE49-F238E27FC236}">
                <a16:creationId xmlns:a16="http://schemas.microsoft.com/office/drawing/2014/main" id="{9FFC28F0-4D0A-C142-C04B-B6B7B789826D}"/>
              </a:ext>
            </a:extLst>
          </p:cNvPr>
          <p:cNvCxnSpPr/>
          <p:nvPr>
            <p:custDataLst>
              <p:tags r:id="rId23"/>
            </p:custDataLst>
          </p:nvPr>
        </p:nvCxnSpPr>
        <p:spPr>
          <a:xfrm>
            <a:off x="5059512"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5">
            <a:extLst>
              <a:ext uri="{FF2B5EF4-FFF2-40B4-BE49-F238E27FC236}">
                <a16:creationId xmlns:a16="http://schemas.microsoft.com/office/drawing/2014/main" id="{8A5AB85B-3376-60DF-9AC9-7318122B5A49}"/>
              </a:ext>
            </a:extLst>
          </p:cNvPr>
          <p:cNvCxnSpPr/>
          <p:nvPr>
            <p:custDataLst>
              <p:tags r:id="rId24"/>
            </p:custDataLst>
          </p:nvPr>
        </p:nvCxnSpPr>
        <p:spPr>
          <a:xfrm>
            <a:off x="6130549"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6">
            <a:extLst>
              <a:ext uri="{FF2B5EF4-FFF2-40B4-BE49-F238E27FC236}">
                <a16:creationId xmlns:a16="http://schemas.microsoft.com/office/drawing/2014/main" id="{07D01BDD-368E-D750-5AA3-EDC6C33C2D13}"/>
              </a:ext>
            </a:extLst>
          </p:cNvPr>
          <p:cNvCxnSpPr/>
          <p:nvPr>
            <p:custDataLst>
              <p:tags r:id="rId25"/>
            </p:custDataLst>
          </p:nvPr>
        </p:nvCxnSpPr>
        <p:spPr>
          <a:xfrm>
            <a:off x="7201586"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7">
            <a:extLst>
              <a:ext uri="{FF2B5EF4-FFF2-40B4-BE49-F238E27FC236}">
                <a16:creationId xmlns:a16="http://schemas.microsoft.com/office/drawing/2014/main" id="{277BE829-FF06-7B8E-183D-2CD8E5A49178}"/>
              </a:ext>
            </a:extLst>
          </p:cNvPr>
          <p:cNvCxnSpPr/>
          <p:nvPr>
            <p:custDataLst>
              <p:tags r:id="rId26"/>
            </p:custDataLst>
          </p:nvPr>
        </p:nvCxnSpPr>
        <p:spPr>
          <a:xfrm>
            <a:off x="8168974"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6" name="OTLSHAPE_TB_00000000000000000000000000000000_Separator8">
            <a:extLst>
              <a:ext uri="{FF2B5EF4-FFF2-40B4-BE49-F238E27FC236}">
                <a16:creationId xmlns:a16="http://schemas.microsoft.com/office/drawing/2014/main" id="{7BEA4FF5-9BDF-D2DC-6EFF-0F55287C8835}"/>
              </a:ext>
            </a:extLst>
          </p:cNvPr>
          <p:cNvCxnSpPr/>
          <p:nvPr>
            <p:custDataLst>
              <p:tags r:id="rId27"/>
            </p:custDataLst>
          </p:nvPr>
        </p:nvCxnSpPr>
        <p:spPr>
          <a:xfrm>
            <a:off x="9240010"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8" name="OTLSHAPE_TB_00000000000000000000000000000000_Separator9">
            <a:extLst>
              <a:ext uri="{FF2B5EF4-FFF2-40B4-BE49-F238E27FC236}">
                <a16:creationId xmlns:a16="http://schemas.microsoft.com/office/drawing/2014/main" id="{4DBB7781-1571-F5B9-E937-7D4D85011E65}"/>
              </a:ext>
            </a:extLst>
          </p:cNvPr>
          <p:cNvCxnSpPr/>
          <p:nvPr>
            <p:custDataLst>
              <p:tags r:id="rId28"/>
            </p:custDataLst>
          </p:nvPr>
        </p:nvCxnSpPr>
        <p:spPr>
          <a:xfrm>
            <a:off x="10276498" y="3957236"/>
            <a:ext cx="0" cy="317500"/>
          </a:xfrm>
          <a:prstGeom prst="line">
            <a:avLst/>
          </a:prstGeom>
          <a:ln w="4763"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_7393fe91ec0041e0a39305744774bcc6_Shape">
            <a:extLst>
              <a:ext uri="{FF2B5EF4-FFF2-40B4-BE49-F238E27FC236}">
                <a16:creationId xmlns:a16="http://schemas.microsoft.com/office/drawing/2014/main" id="{7FD052F9-EA41-F2B4-C27E-A870825306EF}"/>
              </a:ext>
            </a:extLst>
          </p:cNvPr>
          <p:cNvSpPr/>
          <p:nvPr>
            <p:custDataLst>
              <p:tags r:id="rId29"/>
            </p:custDataLst>
          </p:nvPr>
        </p:nvSpPr>
        <p:spPr>
          <a:xfrm>
            <a:off x="1742730" y="2954021"/>
            <a:ext cx="3949700" cy="127000"/>
          </a:xfrm>
          <a:prstGeom prst="chevron">
            <a:avLst/>
          </a:prstGeom>
          <a:solidFill>
            <a:srgbClr val="297FD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0" name="OTLSHAPE_T_d6ab6838e5694ff0ba559426f7aa2399_Shape">
            <a:extLst>
              <a:ext uri="{FF2B5EF4-FFF2-40B4-BE49-F238E27FC236}">
                <a16:creationId xmlns:a16="http://schemas.microsoft.com/office/drawing/2014/main" id="{1B6822FE-DCC9-4947-E79F-7D88FF1CE4F9}"/>
              </a:ext>
            </a:extLst>
          </p:cNvPr>
          <p:cNvSpPr/>
          <p:nvPr>
            <p:custDataLst>
              <p:tags r:id="rId30"/>
            </p:custDataLst>
          </p:nvPr>
        </p:nvSpPr>
        <p:spPr>
          <a:xfrm>
            <a:off x="2986515" y="3162639"/>
            <a:ext cx="5219700" cy="127000"/>
          </a:xfrm>
          <a:prstGeom prst="chevron">
            <a:avLst/>
          </a:prstGeom>
          <a:solidFill>
            <a:srgbClr val="297FD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8" name="OTLSHAPE_T_9a3d767ccb1548a280684b3d0851f7bc_Shape">
            <a:extLst>
              <a:ext uri="{FF2B5EF4-FFF2-40B4-BE49-F238E27FC236}">
                <a16:creationId xmlns:a16="http://schemas.microsoft.com/office/drawing/2014/main" id="{9091B29F-C070-5733-D9DC-686DBDAD04AE}"/>
              </a:ext>
            </a:extLst>
          </p:cNvPr>
          <p:cNvSpPr/>
          <p:nvPr>
            <p:custDataLst>
              <p:tags r:id="rId31"/>
            </p:custDataLst>
          </p:nvPr>
        </p:nvSpPr>
        <p:spPr>
          <a:xfrm>
            <a:off x="3193812" y="3371258"/>
            <a:ext cx="5016500" cy="127000"/>
          </a:xfrm>
          <a:prstGeom prst="chevron">
            <a:avLst/>
          </a:prstGeom>
          <a:solidFill>
            <a:srgbClr val="297FD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6" name="OTLSHAPE_T_cfaa2d77d04249d0a3db981b7dd9eb0e_Shape">
            <a:extLst>
              <a:ext uri="{FF2B5EF4-FFF2-40B4-BE49-F238E27FC236}">
                <a16:creationId xmlns:a16="http://schemas.microsoft.com/office/drawing/2014/main" id="{04F635B4-0939-EE55-1724-35A88DF6E4BB}"/>
              </a:ext>
            </a:extLst>
          </p:cNvPr>
          <p:cNvSpPr/>
          <p:nvPr>
            <p:custDataLst>
              <p:tags r:id="rId32"/>
            </p:custDataLst>
          </p:nvPr>
        </p:nvSpPr>
        <p:spPr>
          <a:xfrm>
            <a:off x="7236112" y="3579876"/>
            <a:ext cx="3352800" cy="127000"/>
          </a:xfrm>
          <a:prstGeom prst="chevron">
            <a:avLst/>
          </a:prstGeom>
          <a:solidFill>
            <a:srgbClr val="297FD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0" name="OTLSHAPE_T_f0347b255ea7443198205cafce651f4d_Shape">
            <a:extLst>
              <a:ext uri="{FF2B5EF4-FFF2-40B4-BE49-F238E27FC236}">
                <a16:creationId xmlns:a16="http://schemas.microsoft.com/office/drawing/2014/main" id="{1C62771E-5CDB-17E5-C5AD-36F63A95DBED}"/>
              </a:ext>
            </a:extLst>
          </p:cNvPr>
          <p:cNvSpPr/>
          <p:nvPr>
            <p:custDataLst>
              <p:tags r:id="rId33"/>
            </p:custDataLst>
          </p:nvPr>
        </p:nvSpPr>
        <p:spPr>
          <a:xfrm>
            <a:off x="2710118" y="2536783"/>
            <a:ext cx="495300" cy="127000"/>
          </a:xfrm>
          <a:prstGeom prst="rightArrow">
            <a:avLst>
              <a:gd name="adj1" fmla="val 75000"/>
              <a:gd name="adj2" fmla="val 50000"/>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OTLSHAPE_T_4ae70b1d17b54299877fdc090bed46cf_Shape">
            <a:extLst>
              <a:ext uri="{FF2B5EF4-FFF2-40B4-BE49-F238E27FC236}">
                <a16:creationId xmlns:a16="http://schemas.microsoft.com/office/drawing/2014/main" id="{DADE5E20-CF49-9598-1E1B-69332851239F}"/>
              </a:ext>
            </a:extLst>
          </p:cNvPr>
          <p:cNvSpPr/>
          <p:nvPr>
            <p:custDataLst>
              <p:tags r:id="rId34"/>
            </p:custDataLst>
          </p:nvPr>
        </p:nvSpPr>
        <p:spPr>
          <a:xfrm>
            <a:off x="1950028" y="2745402"/>
            <a:ext cx="1244600" cy="127000"/>
          </a:xfrm>
          <a:prstGeom prst="rightArrow">
            <a:avLst>
              <a:gd name="adj1" fmla="val 75000"/>
              <a:gd name="adj2" fmla="val 50000"/>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T_7393fe91ec0041e0a39305744774bcc6_ShapePercentage" hidden="1">
            <a:extLst>
              <a:ext uri="{FF2B5EF4-FFF2-40B4-BE49-F238E27FC236}">
                <a16:creationId xmlns:a16="http://schemas.microsoft.com/office/drawing/2014/main" id="{E467AAAE-8184-60C7-DC39-31C2A2F40696}"/>
              </a:ext>
            </a:extLst>
          </p:cNvPr>
          <p:cNvSpPr/>
          <p:nvPr>
            <p:custDataLst>
              <p:tags r:id="rId35"/>
            </p:custDataLst>
          </p:nvPr>
        </p:nvSpPr>
        <p:spPr>
          <a:xfrm>
            <a:off x="1742730" y="2954021"/>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1" name="OTLSHAPE_T_d6ab6838e5694ff0ba559426f7aa2399_ShapePercentage" hidden="1">
            <a:extLst>
              <a:ext uri="{FF2B5EF4-FFF2-40B4-BE49-F238E27FC236}">
                <a16:creationId xmlns:a16="http://schemas.microsoft.com/office/drawing/2014/main" id="{E4A377F2-3885-8F28-A310-66FA925612E4}"/>
              </a:ext>
            </a:extLst>
          </p:cNvPr>
          <p:cNvSpPr/>
          <p:nvPr>
            <p:custDataLst>
              <p:tags r:id="rId36"/>
            </p:custDataLst>
          </p:nvPr>
        </p:nvSpPr>
        <p:spPr>
          <a:xfrm>
            <a:off x="2986515" y="3162639"/>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9" name="OTLSHAPE_T_9a3d767ccb1548a280684b3d0851f7bc_ShapePercentage" hidden="1">
            <a:extLst>
              <a:ext uri="{FF2B5EF4-FFF2-40B4-BE49-F238E27FC236}">
                <a16:creationId xmlns:a16="http://schemas.microsoft.com/office/drawing/2014/main" id="{F60E9386-9FC6-D93D-71E7-9813594828B1}"/>
              </a:ext>
            </a:extLst>
          </p:cNvPr>
          <p:cNvSpPr/>
          <p:nvPr>
            <p:custDataLst>
              <p:tags r:id="rId37"/>
            </p:custDataLst>
          </p:nvPr>
        </p:nvSpPr>
        <p:spPr>
          <a:xfrm>
            <a:off x="3193812" y="3371258"/>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7" name="OTLSHAPE_T_cfaa2d77d04249d0a3db981b7dd9eb0e_ShapePercentage" hidden="1">
            <a:extLst>
              <a:ext uri="{FF2B5EF4-FFF2-40B4-BE49-F238E27FC236}">
                <a16:creationId xmlns:a16="http://schemas.microsoft.com/office/drawing/2014/main" id="{15B322AE-7C0A-AD1E-F0CB-D4074F4B1F44}"/>
              </a:ext>
            </a:extLst>
          </p:cNvPr>
          <p:cNvSpPr/>
          <p:nvPr>
            <p:custDataLst>
              <p:tags r:id="rId38"/>
            </p:custDataLst>
          </p:nvPr>
        </p:nvSpPr>
        <p:spPr>
          <a:xfrm>
            <a:off x="7236112" y="3579876"/>
            <a:ext cx="0" cy="127000"/>
          </a:xfrm>
          <a:prstGeom prst="chevron">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1" name="OTLSHAPE_T_f0347b255ea7443198205cafce651f4d_ShapePercentage" hidden="1">
            <a:extLst>
              <a:ext uri="{FF2B5EF4-FFF2-40B4-BE49-F238E27FC236}">
                <a16:creationId xmlns:a16="http://schemas.microsoft.com/office/drawing/2014/main" id="{54410169-87B3-63F3-0066-14556C1F22A8}"/>
              </a:ext>
            </a:extLst>
          </p:cNvPr>
          <p:cNvSpPr/>
          <p:nvPr>
            <p:custDataLst>
              <p:tags r:id="rId39"/>
            </p:custDataLst>
          </p:nvPr>
        </p:nvSpPr>
        <p:spPr>
          <a:xfrm>
            <a:off x="2710118" y="2536783"/>
            <a:ext cx="25400" cy="1270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OTLSHAPE_T_4ae70b1d17b54299877fdc090bed46cf_ShapePercentage" hidden="1">
            <a:extLst>
              <a:ext uri="{FF2B5EF4-FFF2-40B4-BE49-F238E27FC236}">
                <a16:creationId xmlns:a16="http://schemas.microsoft.com/office/drawing/2014/main" id="{E0A6DA82-BD0F-BA8C-09A4-59FCCA17845B}"/>
              </a:ext>
            </a:extLst>
          </p:cNvPr>
          <p:cNvSpPr/>
          <p:nvPr>
            <p:custDataLst>
              <p:tags r:id="rId40"/>
            </p:custDataLst>
          </p:nvPr>
        </p:nvSpPr>
        <p:spPr>
          <a:xfrm>
            <a:off x="1950028" y="2745402"/>
            <a:ext cx="25400" cy="1270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7393fe91ec0041e0a39305744774bcc6_Duration" hidden="1">
            <a:extLst>
              <a:ext uri="{FF2B5EF4-FFF2-40B4-BE49-F238E27FC236}">
                <a16:creationId xmlns:a16="http://schemas.microsoft.com/office/drawing/2014/main" id="{4D352E27-88DD-AFB3-7E3B-3504E1C855D9}"/>
              </a:ext>
            </a:extLst>
          </p:cNvPr>
          <p:cNvSpPr txBox="1"/>
          <p:nvPr>
            <p:custDataLst>
              <p:tags r:id="rId4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82 days</a:t>
            </a:r>
          </a:p>
        </p:txBody>
      </p:sp>
      <p:sp>
        <p:nvSpPr>
          <p:cNvPr id="62" name="OTLSHAPE_T_7393fe91ec0041e0a39305744774bcc6_StartDate" hidden="1">
            <a:extLst>
              <a:ext uri="{FF2B5EF4-FFF2-40B4-BE49-F238E27FC236}">
                <a16:creationId xmlns:a16="http://schemas.microsoft.com/office/drawing/2014/main" id="{09D34B20-D1AF-DA22-0975-8AC0B5BAA48F}"/>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65" name="OTLSHAPE_T_7393fe91ec0041e0a39305744774bcc6_EndDate" hidden="1">
            <a:extLst>
              <a:ext uri="{FF2B5EF4-FFF2-40B4-BE49-F238E27FC236}">
                <a16:creationId xmlns:a16="http://schemas.microsoft.com/office/drawing/2014/main" id="{99249929-DEB7-D20C-3AE0-EEFC90B383C4}"/>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66" name="OTLSHAPE_T_7393fe91ec0041e0a39305744774bcc6_Title">
            <a:extLst>
              <a:ext uri="{FF2B5EF4-FFF2-40B4-BE49-F238E27FC236}">
                <a16:creationId xmlns:a16="http://schemas.microsoft.com/office/drawing/2014/main" id="{321BD7F7-ACAB-BB45-F9BB-5AE975EB3E71}"/>
              </a:ext>
            </a:extLst>
          </p:cNvPr>
          <p:cNvSpPr txBox="1"/>
          <p:nvPr>
            <p:custDataLst>
              <p:tags r:id="rId44"/>
            </p:custDataLst>
          </p:nvPr>
        </p:nvSpPr>
        <p:spPr>
          <a:xfrm>
            <a:off x="373374" y="2932261"/>
            <a:ext cx="1320800" cy="170519"/>
          </a:xfrm>
          <a:prstGeom prst="rect">
            <a:avLst/>
          </a:prstGeom>
          <a:noFill/>
        </p:spPr>
        <p:txBody>
          <a:bodyPr vert="horz" wrap="square" lIns="0" tIns="0" rIns="0" bIns="0" rtlCol="0" anchor="ctr" anchorCtr="0">
            <a:spAutoFit/>
          </a:bodyPr>
          <a:lstStyle/>
          <a:p>
            <a:pPr algn="r"/>
            <a:r>
              <a:rPr lang="en-US" sz="1100">
                <a:solidFill>
                  <a:schemeClr val="dk1"/>
                </a:solidFill>
                <a:latin typeface="Calibri" panose="020F0502020204030204" pitchFamily="34" charset="0"/>
              </a:rPr>
              <a:t>Designing and Planning</a:t>
            </a:r>
          </a:p>
        </p:txBody>
      </p:sp>
      <p:sp>
        <p:nvSpPr>
          <p:cNvPr id="68" name="OTLSHAPE_T_7393fe91ec0041e0a39305744774bcc6_JoinedDate">
            <a:extLst>
              <a:ext uri="{FF2B5EF4-FFF2-40B4-BE49-F238E27FC236}">
                <a16:creationId xmlns:a16="http://schemas.microsoft.com/office/drawing/2014/main" id="{C6A1C4F3-62C6-5667-2EF7-04B8A9D4BEAA}"/>
              </a:ext>
            </a:extLst>
          </p:cNvPr>
          <p:cNvSpPr txBox="1"/>
          <p:nvPr>
            <p:custDataLst>
              <p:tags r:id="rId45"/>
            </p:custDataLst>
          </p:nvPr>
        </p:nvSpPr>
        <p:spPr>
          <a:xfrm>
            <a:off x="5732182" y="2940008"/>
            <a:ext cx="812800" cy="155025"/>
          </a:xfrm>
          <a:prstGeom prst="rect">
            <a:avLst/>
          </a:prstGeom>
          <a:noFill/>
        </p:spPr>
        <p:txBody>
          <a:bodyPr vert="horz" wrap="square" lIns="0" tIns="0" rIns="0" bIns="0" rtlCol="0" anchor="ctr" anchorCtr="0">
            <a:spAutoFit/>
          </a:bodyPr>
          <a:lstStyle/>
          <a:p>
            <a:r>
              <a:rPr lang="en-US" sz="1000" spc="-4">
                <a:solidFill>
                  <a:srgbClr val="242852"/>
                </a:solidFill>
                <a:latin typeface="Calibri" panose="020F0502020204030204" pitchFamily="34" charset="0"/>
              </a:rPr>
              <a:t>Aug 26 - Dec 18</a:t>
            </a:r>
          </a:p>
        </p:txBody>
      </p:sp>
      <p:sp>
        <p:nvSpPr>
          <p:cNvPr id="69" name="OTLSHAPE_T_7393fe91ec0041e0a39305744774bcc6_TextPercentage" hidden="1">
            <a:extLst>
              <a:ext uri="{FF2B5EF4-FFF2-40B4-BE49-F238E27FC236}">
                <a16:creationId xmlns:a16="http://schemas.microsoft.com/office/drawing/2014/main" id="{B9665DF2-2C0E-7DF5-88F4-7E22B6DE60A6}"/>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72" name="OTLSHAPE_T_d6ab6838e5694ff0ba559426f7aa2399_Duration" hidden="1">
            <a:extLst>
              <a:ext uri="{FF2B5EF4-FFF2-40B4-BE49-F238E27FC236}">
                <a16:creationId xmlns:a16="http://schemas.microsoft.com/office/drawing/2014/main" id="{085AB6C9-D835-5B54-8616-82829B7E8789}"/>
              </a:ext>
            </a:extLst>
          </p:cNvPr>
          <p:cNvSpPr txBox="1"/>
          <p:nvPr>
            <p:custDataLst>
              <p:tags r:id="rId47"/>
            </p:custDataLst>
          </p:nvPr>
        </p:nvSpPr>
        <p:spPr>
          <a:xfrm>
            <a:off x="12700" y="-381804"/>
            <a:ext cx="457200" cy="153888"/>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108 days</a:t>
            </a:r>
          </a:p>
        </p:txBody>
      </p:sp>
      <p:sp>
        <p:nvSpPr>
          <p:cNvPr id="73" name="OTLSHAPE_T_d6ab6838e5694ff0ba559426f7aa2399_StartDate" hidden="1">
            <a:extLst>
              <a:ext uri="{FF2B5EF4-FFF2-40B4-BE49-F238E27FC236}">
                <a16:creationId xmlns:a16="http://schemas.microsoft.com/office/drawing/2014/main" id="{BBFDD0D3-FEF1-3ECD-B5D4-E260F48CEEFA}"/>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74" name="OTLSHAPE_T_d6ab6838e5694ff0ba559426f7aa2399_EndDate" hidden="1">
            <a:extLst>
              <a:ext uri="{FF2B5EF4-FFF2-40B4-BE49-F238E27FC236}">
                <a16:creationId xmlns:a16="http://schemas.microsoft.com/office/drawing/2014/main" id="{1FA8962D-D8E1-FA42-1D12-0045E85FF83E}"/>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75" name="OTLSHAPE_T_d6ab6838e5694ff0ba559426f7aa2399_Title">
            <a:extLst>
              <a:ext uri="{FF2B5EF4-FFF2-40B4-BE49-F238E27FC236}">
                <a16:creationId xmlns:a16="http://schemas.microsoft.com/office/drawing/2014/main" id="{21D197DF-1170-90E8-B7AC-2690DBF9F10A}"/>
              </a:ext>
            </a:extLst>
          </p:cNvPr>
          <p:cNvSpPr txBox="1"/>
          <p:nvPr>
            <p:custDataLst>
              <p:tags r:id="rId50"/>
            </p:custDataLst>
          </p:nvPr>
        </p:nvSpPr>
        <p:spPr>
          <a:xfrm>
            <a:off x="1583292" y="3140880"/>
            <a:ext cx="1358900" cy="170519"/>
          </a:xfrm>
          <a:prstGeom prst="rect">
            <a:avLst/>
          </a:prstGeom>
          <a:noFill/>
        </p:spPr>
        <p:txBody>
          <a:bodyPr vert="horz" wrap="square" lIns="0" tIns="0" rIns="0" bIns="0" rtlCol="0" anchor="ctr" anchorCtr="0">
            <a:spAutoFit/>
          </a:bodyPr>
          <a:lstStyle/>
          <a:p>
            <a:pPr algn="r"/>
            <a:r>
              <a:rPr lang="en-US" sz="1100" spc="-6">
                <a:solidFill>
                  <a:schemeClr val="dk1"/>
                </a:solidFill>
                <a:latin typeface="Calibri"/>
                <a:ea typeface="Calibri"/>
                <a:cs typeface="Calibri"/>
              </a:rPr>
              <a:t>Hardware Development</a:t>
            </a:r>
            <a:endParaRPr lang="en-US" sz="1100" spc="-6">
              <a:solidFill>
                <a:schemeClr val="dk1"/>
              </a:solidFill>
              <a:latin typeface="Calibri" panose="020F0502020204030204" pitchFamily="34" charset="0"/>
              <a:ea typeface="Calibri"/>
              <a:cs typeface="Calibri"/>
            </a:endParaRPr>
          </a:p>
        </p:txBody>
      </p:sp>
      <p:sp>
        <p:nvSpPr>
          <p:cNvPr id="76" name="OTLSHAPE_T_d6ab6838e5694ff0ba559426f7aa2399_JoinedDate">
            <a:extLst>
              <a:ext uri="{FF2B5EF4-FFF2-40B4-BE49-F238E27FC236}">
                <a16:creationId xmlns:a16="http://schemas.microsoft.com/office/drawing/2014/main" id="{8275F9DC-3C54-7A02-1BC1-D92420D46097}"/>
              </a:ext>
            </a:extLst>
          </p:cNvPr>
          <p:cNvSpPr txBox="1"/>
          <p:nvPr>
            <p:custDataLst>
              <p:tags r:id="rId51"/>
            </p:custDataLst>
          </p:nvPr>
        </p:nvSpPr>
        <p:spPr>
          <a:xfrm>
            <a:off x="8254300" y="3148627"/>
            <a:ext cx="685800" cy="155025"/>
          </a:xfrm>
          <a:prstGeom prst="rect">
            <a:avLst/>
          </a:prstGeom>
          <a:noFill/>
        </p:spPr>
        <p:txBody>
          <a:bodyPr vert="horz" wrap="square" lIns="0" tIns="0" rIns="0" bIns="0" rtlCol="0" anchor="ctr" anchorCtr="0">
            <a:spAutoFit/>
          </a:bodyPr>
          <a:lstStyle/>
          <a:p>
            <a:r>
              <a:rPr lang="en-US" sz="1000" spc="-2">
                <a:solidFill>
                  <a:srgbClr val="242852"/>
                </a:solidFill>
                <a:latin typeface="Calibri" panose="020F0502020204030204" pitchFamily="34" charset="0"/>
              </a:rPr>
              <a:t>Oct 1 - Mar 1</a:t>
            </a:r>
          </a:p>
        </p:txBody>
      </p:sp>
      <p:sp>
        <p:nvSpPr>
          <p:cNvPr id="77" name="OTLSHAPE_T_d6ab6838e5694ff0ba559426f7aa2399_TextPercentage" hidden="1">
            <a:extLst>
              <a:ext uri="{FF2B5EF4-FFF2-40B4-BE49-F238E27FC236}">
                <a16:creationId xmlns:a16="http://schemas.microsoft.com/office/drawing/2014/main" id="{41ED21AD-1A9D-A796-32CE-1FED65ED2E08}"/>
              </a:ext>
            </a:extLst>
          </p:cNvPr>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80" name="OTLSHAPE_T_9a3d767ccb1548a280684b3d0851f7bc_Duration" hidden="1">
            <a:extLst>
              <a:ext uri="{FF2B5EF4-FFF2-40B4-BE49-F238E27FC236}">
                <a16:creationId xmlns:a16="http://schemas.microsoft.com/office/drawing/2014/main" id="{308AF568-FF5A-2741-223E-021E24CDC7B7}"/>
              </a:ext>
            </a:extLst>
          </p:cNvPr>
          <p:cNvSpPr txBox="1"/>
          <p:nvPr>
            <p:custDataLst>
              <p:tags r:id="rId53"/>
            </p:custDataLst>
          </p:nvPr>
        </p:nvSpPr>
        <p:spPr>
          <a:xfrm>
            <a:off x="12700" y="-387410"/>
            <a:ext cx="457200" cy="16510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104 days</a:t>
            </a:r>
          </a:p>
        </p:txBody>
      </p:sp>
      <p:sp>
        <p:nvSpPr>
          <p:cNvPr id="81" name="OTLSHAPE_T_9a3d767ccb1548a280684b3d0851f7bc_StartDate" hidden="1">
            <a:extLst>
              <a:ext uri="{FF2B5EF4-FFF2-40B4-BE49-F238E27FC236}">
                <a16:creationId xmlns:a16="http://schemas.microsoft.com/office/drawing/2014/main" id="{DCF0E622-F456-9467-92E7-19B8971C0D0D}"/>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82" name="OTLSHAPE_T_9a3d767ccb1548a280684b3d0851f7bc_EndDate" hidden="1">
            <a:extLst>
              <a:ext uri="{FF2B5EF4-FFF2-40B4-BE49-F238E27FC236}">
                <a16:creationId xmlns:a16="http://schemas.microsoft.com/office/drawing/2014/main" id="{BD604AB5-3E74-F7BD-61E8-18A3BD98AE6B}"/>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83" name="OTLSHAPE_T_9a3d767ccb1548a280684b3d0851f7bc_Title">
            <a:extLst>
              <a:ext uri="{FF2B5EF4-FFF2-40B4-BE49-F238E27FC236}">
                <a16:creationId xmlns:a16="http://schemas.microsoft.com/office/drawing/2014/main" id="{1DC0D52A-D968-72D4-D820-106B384884B7}"/>
              </a:ext>
            </a:extLst>
          </p:cNvPr>
          <p:cNvSpPr txBox="1"/>
          <p:nvPr>
            <p:custDataLst>
              <p:tags r:id="rId56"/>
            </p:custDataLst>
          </p:nvPr>
        </p:nvSpPr>
        <p:spPr>
          <a:xfrm>
            <a:off x="1840881" y="3349499"/>
            <a:ext cx="1308100" cy="170519"/>
          </a:xfrm>
          <a:prstGeom prst="rect">
            <a:avLst/>
          </a:prstGeom>
          <a:noFill/>
        </p:spPr>
        <p:txBody>
          <a:bodyPr vert="horz" wrap="square" lIns="0" tIns="0" rIns="0" bIns="0" rtlCol="0" anchor="ctr" anchorCtr="0">
            <a:spAutoFit/>
          </a:bodyPr>
          <a:lstStyle/>
          <a:p>
            <a:pPr algn="r"/>
            <a:r>
              <a:rPr lang="en-US" sz="1100" spc="-6">
                <a:solidFill>
                  <a:schemeClr val="dk1"/>
                </a:solidFill>
                <a:latin typeface="Calibri"/>
                <a:ea typeface="Calibri"/>
                <a:cs typeface="Calibri"/>
              </a:rPr>
              <a:t>Software Development</a:t>
            </a:r>
            <a:endParaRPr lang="en-US" sz="1100" spc="-6">
              <a:solidFill>
                <a:schemeClr val="dk1"/>
              </a:solidFill>
              <a:latin typeface="Calibri" panose="020F0502020204030204" pitchFamily="34" charset="0"/>
              <a:ea typeface="Calibri"/>
              <a:cs typeface="Calibri"/>
            </a:endParaRPr>
          </a:p>
        </p:txBody>
      </p:sp>
      <p:sp>
        <p:nvSpPr>
          <p:cNvPr id="84" name="OTLSHAPE_T_9a3d767ccb1548a280684b3d0851f7bc_JoinedDate">
            <a:extLst>
              <a:ext uri="{FF2B5EF4-FFF2-40B4-BE49-F238E27FC236}">
                <a16:creationId xmlns:a16="http://schemas.microsoft.com/office/drawing/2014/main" id="{3563B3A2-5A8C-6CFF-910B-D277DD3C0A55}"/>
              </a:ext>
            </a:extLst>
          </p:cNvPr>
          <p:cNvSpPr txBox="1"/>
          <p:nvPr>
            <p:custDataLst>
              <p:tags r:id="rId57"/>
            </p:custDataLst>
          </p:nvPr>
        </p:nvSpPr>
        <p:spPr>
          <a:xfrm>
            <a:off x="8254300" y="3357245"/>
            <a:ext cx="685800" cy="155025"/>
          </a:xfrm>
          <a:prstGeom prst="rect">
            <a:avLst/>
          </a:prstGeom>
          <a:noFill/>
        </p:spPr>
        <p:txBody>
          <a:bodyPr vert="horz" wrap="square" lIns="0" tIns="0" rIns="0" bIns="0" rtlCol="0" anchor="ctr" anchorCtr="0">
            <a:spAutoFit/>
          </a:bodyPr>
          <a:lstStyle/>
          <a:p>
            <a:r>
              <a:rPr lang="en-US" sz="1000" spc="-2">
                <a:solidFill>
                  <a:srgbClr val="242852"/>
                </a:solidFill>
                <a:latin typeface="Calibri" panose="020F0502020204030204" pitchFamily="34" charset="0"/>
              </a:rPr>
              <a:t>Oct 7 - Mar 1</a:t>
            </a:r>
          </a:p>
        </p:txBody>
      </p:sp>
      <p:sp>
        <p:nvSpPr>
          <p:cNvPr id="85" name="OTLSHAPE_T_9a3d767ccb1548a280684b3d0851f7bc_TextPercentage" hidden="1">
            <a:extLst>
              <a:ext uri="{FF2B5EF4-FFF2-40B4-BE49-F238E27FC236}">
                <a16:creationId xmlns:a16="http://schemas.microsoft.com/office/drawing/2014/main" id="{71689F63-CBEA-B2B7-9697-F9A2D5F77EA6}"/>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88" name="OTLSHAPE_T_cfaa2d77d04249d0a3db981b7dd9eb0e_Duration" hidden="1">
            <a:extLst>
              <a:ext uri="{FF2B5EF4-FFF2-40B4-BE49-F238E27FC236}">
                <a16:creationId xmlns:a16="http://schemas.microsoft.com/office/drawing/2014/main" id="{69CE620A-B845-D5B4-3024-B444F2F2EB14}"/>
              </a:ext>
            </a:extLst>
          </p:cNvPr>
          <p:cNvSpPr txBox="1"/>
          <p:nvPr>
            <p:custDataLst>
              <p:tags r:id="rId59"/>
            </p:custDataLst>
          </p:nvPr>
        </p:nvSpPr>
        <p:spPr>
          <a:xfrm>
            <a:off x="12700" y="-304860"/>
            <a:ext cx="393700" cy="153888"/>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70 days</a:t>
            </a:r>
          </a:p>
        </p:txBody>
      </p:sp>
      <p:sp>
        <p:nvSpPr>
          <p:cNvPr id="89" name="OTLSHAPE_T_cfaa2d77d04249d0a3db981b7dd9eb0e_StartDate" hidden="1">
            <a:extLst>
              <a:ext uri="{FF2B5EF4-FFF2-40B4-BE49-F238E27FC236}">
                <a16:creationId xmlns:a16="http://schemas.microsoft.com/office/drawing/2014/main" id="{3AFB3B54-C4A9-C390-E731-78901E3F49D5}"/>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90" name="OTLSHAPE_T_cfaa2d77d04249d0a3db981b7dd9eb0e_EndDate" hidden="1">
            <a:extLst>
              <a:ext uri="{FF2B5EF4-FFF2-40B4-BE49-F238E27FC236}">
                <a16:creationId xmlns:a16="http://schemas.microsoft.com/office/drawing/2014/main" id="{2BA5F703-7314-B3F0-9BD6-68EB723512EB}"/>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91" name="OTLSHAPE_T_cfaa2d77d04249d0a3db981b7dd9eb0e_Title">
            <a:extLst>
              <a:ext uri="{FF2B5EF4-FFF2-40B4-BE49-F238E27FC236}">
                <a16:creationId xmlns:a16="http://schemas.microsoft.com/office/drawing/2014/main" id="{D658B147-D032-16CF-DC2C-017866E9AD1C}"/>
              </a:ext>
            </a:extLst>
          </p:cNvPr>
          <p:cNvSpPr txBox="1"/>
          <p:nvPr>
            <p:custDataLst>
              <p:tags r:id="rId62"/>
            </p:custDataLst>
          </p:nvPr>
        </p:nvSpPr>
        <p:spPr>
          <a:xfrm>
            <a:off x="5888938" y="3558117"/>
            <a:ext cx="1308100" cy="170519"/>
          </a:xfrm>
          <a:prstGeom prst="rect">
            <a:avLst/>
          </a:prstGeom>
          <a:noFill/>
        </p:spPr>
        <p:txBody>
          <a:bodyPr vert="horz" wrap="square" lIns="0" tIns="0" rIns="0" bIns="0" rtlCol="0" anchor="ctr" anchorCtr="0">
            <a:spAutoFit/>
          </a:bodyPr>
          <a:lstStyle/>
          <a:p>
            <a:pPr algn="r"/>
            <a:r>
              <a:rPr lang="en-US" sz="1100" spc="-8">
                <a:solidFill>
                  <a:schemeClr val="dk1"/>
                </a:solidFill>
                <a:latin typeface="Calibri" panose="020F0502020204030204" pitchFamily="34" charset="0"/>
              </a:rPr>
              <a:t>Integration and Testing</a:t>
            </a:r>
          </a:p>
        </p:txBody>
      </p:sp>
      <p:sp>
        <p:nvSpPr>
          <p:cNvPr id="92" name="OTLSHAPE_T_cfaa2d77d04249d0a3db981b7dd9eb0e_JoinedDate">
            <a:extLst>
              <a:ext uri="{FF2B5EF4-FFF2-40B4-BE49-F238E27FC236}">
                <a16:creationId xmlns:a16="http://schemas.microsoft.com/office/drawing/2014/main" id="{30119504-9DAD-A0F5-B665-F5DEAD064C99}"/>
              </a:ext>
            </a:extLst>
          </p:cNvPr>
          <p:cNvSpPr txBox="1"/>
          <p:nvPr>
            <p:custDataLst>
              <p:tags r:id="rId63"/>
            </p:custDataLst>
          </p:nvPr>
        </p:nvSpPr>
        <p:spPr>
          <a:xfrm>
            <a:off x="10638220" y="3565864"/>
            <a:ext cx="698500" cy="155025"/>
          </a:xfrm>
          <a:prstGeom prst="rect">
            <a:avLst/>
          </a:prstGeom>
          <a:noFill/>
        </p:spPr>
        <p:txBody>
          <a:bodyPr vert="horz" wrap="square" lIns="0" tIns="0" rIns="0" bIns="0" rtlCol="0" anchor="ctr" anchorCtr="0">
            <a:spAutoFit/>
          </a:bodyPr>
          <a:lstStyle/>
          <a:p>
            <a:r>
              <a:rPr lang="en-US" sz="1000" spc="-4">
                <a:solidFill>
                  <a:srgbClr val="242852"/>
                </a:solidFill>
                <a:latin typeface="Calibri"/>
                <a:cs typeface="Calibri"/>
              </a:rPr>
              <a:t>Feb 1 - May 9</a:t>
            </a:r>
          </a:p>
        </p:txBody>
      </p:sp>
      <p:sp>
        <p:nvSpPr>
          <p:cNvPr id="93" name="OTLSHAPE_T_cfaa2d77d04249d0a3db981b7dd9eb0e_TextPercentage" hidden="1">
            <a:extLst>
              <a:ext uri="{FF2B5EF4-FFF2-40B4-BE49-F238E27FC236}">
                <a16:creationId xmlns:a16="http://schemas.microsoft.com/office/drawing/2014/main" id="{F5BA7DD5-CF03-AABF-4A68-8DC9651E9B1F}"/>
              </a:ext>
            </a:extLst>
          </p:cNvPr>
          <p:cNvSpPr txBox="1"/>
          <p:nvPr>
            <p:custDataLst>
              <p:tags r:id="rId64"/>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12" name="OTLSHAPE_T_f0347b255ea7443198205cafce651f4d_Duration" hidden="1">
            <a:extLst>
              <a:ext uri="{FF2B5EF4-FFF2-40B4-BE49-F238E27FC236}">
                <a16:creationId xmlns:a16="http://schemas.microsoft.com/office/drawing/2014/main" id="{9D3EAC60-171F-C698-BD16-96D3A66C4CB4}"/>
              </a:ext>
            </a:extLst>
          </p:cNvPr>
          <p:cNvSpPr txBox="1"/>
          <p:nvPr>
            <p:custDataLst>
              <p:tags r:id="rId65"/>
            </p:custDataLst>
          </p:nvPr>
        </p:nvSpPr>
        <p:spPr>
          <a:xfrm>
            <a:off x="12700" y="-458748"/>
            <a:ext cx="393700" cy="153888"/>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10 days</a:t>
            </a:r>
          </a:p>
        </p:txBody>
      </p:sp>
      <p:sp>
        <p:nvSpPr>
          <p:cNvPr id="113" name="OTLSHAPE_T_f0347b255ea7443198205cafce651f4d_StartDate" hidden="1">
            <a:extLst>
              <a:ext uri="{FF2B5EF4-FFF2-40B4-BE49-F238E27FC236}">
                <a16:creationId xmlns:a16="http://schemas.microsoft.com/office/drawing/2014/main" id="{AF743CE9-4019-91A3-C4F3-59E7125BAC77}"/>
              </a:ext>
            </a:extLst>
          </p:cNvPr>
          <p:cNvSpPr txBox="1"/>
          <p:nvPr>
            <p:custDataLst>
              <p:tags r:id="rId66"/>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114" name="OTLSHAPE_T_f0347b255ea7443198205cafce651f4d_EndDate" hidden="1">
            <a:extLst>
              <a:ext uri="{FF2B5EF4-FFF2-40B4-BE49-F238E27FC236}">
                <a16:creationId xmlns:a16="http://schemas.microsoft.com/office/drawing/2014/main" id="{9D6A987C-90D8-D2CA-4FA2-7D4DB477FFB8}"/>
              </a:ext>
            </a:extLst>
          </p:cNvPr>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115" name="OTLSHAPE_T_f0347b255ea7443198205cafce651f4d_Title">
            <a:extLst>
              <a:ext uri="{FF2B5EF4-FFF2-40B4-BE49-F238E27FC236}">
                <a16:creationId xmlns:a16="http://schemas.microsoft.com/office/drawing/2014/main" id="{CF72461D-A1C7-F505-4FB0-899E196994AB}"/>
              </a:ext>
            </a:extLst>
          </p:cNvPr>
          <p:cNvSpPr txBox="1"/>
          <p:nvPr>
            <p:custDataLst>
              <p:tags r:id="rId68"/>
            </p:custDataLst>
          </p:nvPr>
        </p:nvSpPr>
        <p:spPr>
          <a:xfrm>
            <a:off x="2146196" y="2515024"/>
            <a:ext cx="520700" cy="170519"/>
          </a:xfrm>
          <a:prstGeom prst="rect">
            <a:avLst/>
          </a:prstGeom>
          <a:noFill/>
        </p:spPr>
        <p:txBody>
          <a:bodyPr vert="horz" wrap="square" lIns="0" tIns="0" rIns="0" bIns="0" rtlCol="0" anchor="ctr" anchorCtr="0">
            <a:spAutoFit/>
          </a:bodyPr>
          <a:lstStyle/>
          <a:p>
            <a:pPr algn="r"/>
            <a:r>
              <a:rPr lang="en-US" sz="1100" spc="-10">
                <a:solidFill>
                  <a:schemeClr val="dk1"/>
                </a:solidFill>
                <a:latin typeface="Calibri" panose="020F0502020204030204" pitchFamily="34" charset="0"/>
              </a:rPr>
              <a:t>Research</a:t>
            </a:r>
          </a:p>
        </p:txBody>
      </p:sp>
      <p:sp>
        <p:nvSpPr>
          <p:cNvPr id="116" name="OTLSHAPE_T_f0347b255ea7443198205cafce651f4d_JoinedDate">
            <a:extLst>
              <a:ext uri="{FF2B5EF4-FFF2-40B4-BE49-F238E27FC236}">
                <a16:creationId xmlns:a16="http://schemas.microsoft.com/office/drawing/2014/main" id="{E0552BEE-6CDE-C92B-08AA-9CE5A6FDBAA2}"/>
              </a:ext>
            </a:extLst>
          </p:cNvPr>
          <p:cNvSpPr txBox="1"/>
          <p:nvPr>
            <p:custDataLst>
              <p:tags r:id="rId69"/>
            </p:custDataLst>
          </p:nvPr>
        </p:nvSpPr>
        <p:spPr>
          <a:xfrm>
            <a:off x="3244612" y="2522771"/>
            <a:ext cx="723900" cy="155025"/>
          </a:xfrm>
          <a:prstGeom prst="rect">
            <a:avLst/>
          </a:prstGeom>
          <a:noFill/>
        </p:spPr>
        <p:txBody>
          <a:bodyPr vert="horz" wrap="square" lIns="0" tIns="0" rIns="0" bIns="0" rtlCol="0" anchor="ctr" anchorCtr="0">
            <a:spAutoFit/>
          </a:bodyPr>
          <a:lstStyle/>
          <a:p>
            <a:r>
              <a:rPr lang="en-US" sz="1000" spc="-4">
                <a:solidFill>
                  <a:srgbClr val="242852"/>
                </a:solidFill>
                <a:latin typeface="Calibri" panose="020F0502020204030204" pitchFamily="34" charset="0"/>
              </a:rPr>
              <a:t>Sep 23 - Oct 7</a:t>
            </a:r>
          </a:p>
        </p:txBody>
      </p:sp>
      <p:sp>
        <p:nvSpPr>
          <p:cNvPr id="117" name="OTLSHAPE_T_f0347b255ea7443198205cafce651f4d_TextPercentage" hidden="1">
            <a:extLst>
              <a:ext uri="{FF2B5EF4-FFF2-40B4-BE49-F238E27FC236}">
                <a16:creationId xmlns:a16="http://schemas.microsoft.com/office/drawing/2014/main" id="{337EB952-69C0-8F28-F4CB-934B1420467D}"/>
              </a:ext>
            </a:extLst>
          </p:cNvPr>
          <p:cNvSpPr txBox="1"/>
          <p:nvPr>
            <p:custDataLst>
              <p:tags r:id="rId7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20" name="OTLSHAPE_T_4ae70b1d17b54299877fdc090bed46cf_Duration" hidden="1">
            <a:extLst>
              <a:ext uri="{FF2B5EF4-FFF2-40B4-BE49-F238E27FC236}">
                <a16:creationId xmlns:a16="http://schemas.microsoft.com/office/drawing/2014/main" id="{1C55B59D-A9A6-C8E0-15B2-EED83A07E211}"/>
              </a:ext>
            </a:extLst>
          </p:cNvPr>
          <p:cNvSpPr txBox="1"/>
          <p:nvPr>
            <p:custDataLst>
              <p:tags r:id="rId71"/>
            </p:custDataLst>
          </p:nvPr>
        </p:nvSpPr>
        <p:spPr>
          <a:xfrm>
            <a:off x="12700" y="-227915"/>
            <a:ext cx="393700" cy="165100"/>
          </a:xfrm>
          <a:prstGeom prst="rect">
            <a:avLst/>
          </a:prstGeom>
          <a:noFill/>
        </p:spPr>
        <p:txBody>
          <a:bodyPr vert="horz" wrap="square" lIns="0" tIns="0" rIns="0" bIns="0" rtlCol="0" anchor="ctr" anchorCtr="0">
            <a:spAutoFit/>
          </a:bodyPr>
          <a:lstStyle/>
          <a:p>
            <a:r>
              <a:rPr lang="en-US" sz="1000">
                <a:solidFill>
                  <a:srgbClr val="242852"/>
                </a:solidFill>
                <a:latin typeface="Calibri" panose="020F0502020204030204" pitchFamily="34" charset="0"/>
              </a:rPr>
              <a:t>26 days</a:t>
            </a:r>
          </a:p>
        </p:txBody>
      </p:sp>
      <p:sp>
        <p:nvSpPr>
          <p:cNvPr id="121" name="OTLSHAPE_T_4ae70b1d17b54299877fdc090bed46cf_StartDate" hidden="1">
            <a:extLst>
              <a:ext uri="{FF2B5EF4-FFF2-40B4-BE49-F238E27FC236}">
                <a16:creationId xmlns:a16="http://schemas.microsoft.com/office/drawing/2014/main" id="{98A664C1-369F-7C9F-8C50-6204EB2CB5B9}"/>
              </a:ext>
            </a:extLst>
          </p:cNvPr>
          <p:cNvSpPr txBox="1"/>
          <p:nvPr>
            <p:custDataLst>
              <p:tags r:id="rId7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122" name="OTLSHAPE_T_4ae70b1d17b54299877fdc090bed46cf_EndDate" hidden="1">
            <a:extLst>
              <a:ext uri="{FF2B5EF4-FFF2-40B4-BE49-F238E27FC236}">
                <a16:creationId xmlns:a16="http://schemas.microsoft.com/office/drawing/2014/main" id="{C2FA5529-7595-6061-E516-91EC35E34125}"/>
              </a:ext>
            </a:extLst>
          </p:cNvPr>
          <p:cNvSpPr txBox="1"/>
          <p:nvPr>
            <p:custDataLst>
              <p:tags r:id="rId73"/>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rgbClr val="242852"/>
              </a:solidFill>
              <a:latin typeface="Calibri" panose="020F0502020204030204" pitchFamily="34" charset="0"/>
            </a:endParaRPr>
          </a:p>
        </p:txBody>
      </p:sp>
      <p:sp>
        <p:nvSpPr>
          <p:cNvPr id="123" name="OTLSHAPE_T_4ae70b1d17b54299877fdc090bed46cf_Title">
            <a:extLst>
              <a:ext uri="{FF2B5EF4-FFF2-40B4-BE49-F238E27FC236}">
                <a16:creationId xmlns:a16="http://schemas.microsoft.com/office/drawing/2014/main" id="{9945BAF0-D437-2CE0-4BF4-3AC764DD2578}"/>
              </a:ext>
            </a:extLst>
          </p:cNvPr>
          <p:cNvSpPr txBox="1"/>
          <p:nvPr>
            <p:custDataLst>
              <p:tags r:id="rId74"/>
            </p:custDataLst>
          </p:nvPr>
        </p:nvSpPr>
        <p:spPr>
          <a:xfrm>
            <a:off x="1343476" y="2723643"/>
            <a:ext cx="558800" cy="170519"/>
          </a:xfrm>
          <a:prstGeom prst="rect">
            <a:avLst/>
          </a:prstGeom>
          <a:noFill/>
        </p:spPr>
        <p:txBody>
          <a:bodyPr vert="horz" wrap="square" lIns="0" tIns="0" rIns="0" bIns="0" rtlCol="0" anchor="ctr" anchorCtr="0">
            <a:spAutoFit/>
          </a:bodyPr>
          <a:lstStyle/>
          <a:p>
            <a:pPr algn="r"/>
            <a:r>
              <a:rPr lang="en-US" sz="1100" spc="-12">
                <a:solidFill>
                  <a:schemeClr val="dk1"/>
                </a:solidFill>
                <a:latin typeface="Calibri" panose="020F0502020204030204" pitchFamily="34" charset="0"/>
              </a:rPr>
              <a:t>Hardware</a:t>
            </a:r>
          </a:p>
        </p:txBody>
      </p:sp>
      <p:sp>
        <p:nvSpPr>
          <p:cNvPr id="124" name="OTLSHAPE_T_4ae70b1d17b54299877fdc090bed46cf_JoinedDate">
            <a:extLst>
              <a:ext uri="{FF2B5EF4-FFF2-40B4-BE49-F238E27FC236}">
                <a16:creationId xmlns:a16="http://schemas.microsoft.com/office/drawing/2014/main" id="{B5C1591D-FC6C-FB8C-C3A1-952BB6A86B54}"/>
              </a:ext>
            </a:extLst>
          </p:cNvPr>
          <p:cNvSpPr txBox="1"/>
          <p:nvPr>
            <p:custDataLst>
              <p:tags r:id="rId75"/>
            </p:custDataLst>
          </p:nvPr>
        </p:nvSpPr>
        <p:spPr>
          <a:xfrm>
            <a:off x="3244612" y="2731390"/>
            <a:ext cx="660400" cy="155025"/>
          </a:xfrm>
          <a:prstGeom prst="rect">
            <a:avLst/>
          </a:prstGeom>
          <a:noFill/>
        </p:spPr>
        <p:txBody>
          <a:bodyPr vert="horz" wrap="square" lIns="0" tIns="0" rIns="0" bIns="0" rtlCol="0" anchor="ctr" anchorCtr="0">
            <a:spAutoFit/>
          </a:bodyPr>
          <a:lstStyle/>
          <a:p>
            <a:r>
              <a:rPr lang="en-US" sz="1000" spc="-4">
                <a:solidFill>
                  <a:srgbClr val="242852"/>
                </a:solidFill>
                <a:latin typeface="Calibri" panose="020F0502020204030204" pitchFamily="34" charset="0"/>
              </a:rPr>
              <a:t>Sep 1 - Oct 7</a:t>
            </a:r>
          </a:p>
        </p:txBody>
      </p:sp>
      <p:sp>
        <p:nvSpPr>
          <p:cNvPr id="125" name="OTLSHAPE_T_4ae70b1d17b54299877fdc090bed46cf_TextPercentage" hidden="1">
            <a:extLst>
              <a:ext uri="{FF2B5EF4-FFF2-40B4-BE49-F238E27FC236}">
                <a16:creationId xmlns:a16="http://schemas.microsoft.com/office/drawing/2014/main" id="{067A22DE-A8CE-753F-3525-BA8981248202}"/>
              </a:ext>
            </a:extLst>
          </p:cNvPr>
          <p:cNvSpPr txBox="1"/>
          <p:nvPr>
            <p:custDataLst>
              <p:tags r:id="rId7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99" name="OTLSHAPE_M_f20b1c80c8ae4c05a58ac70f21557874_Shape" hidden="1">
            <a:extLst>
              <a:ext uri="{FF2B5EF4-FFF2-40B4-BE49-F238E27FC236}">
                <a16:creationId xmlns:a16="http://schemas.microsoft.com/office/drawing/2014/main" id="{0F07D69A-9A4B-03CA-3F74-EAAE7DFEF824}"/>
              </a:ext>
            </a:extLst>
          </p:cNvPr>
          <p:cNvSpPr/>
          <p:nvPr>
            <p:custDataLst>
              <p:tags r:id="rId77"/>
            </p:custDataLst>
          </p:nvPr>
        </p:nvSpPr>
        <p:spPr>
          <a:xfrm>
            <a:off x="2867366" y="4827579"/>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M_5e7a8fabfd1647d394a86a9ea7825794_Shape" hidden="1">
            <a:extLst>
              <a:ext uri="{FF2B5EF4-FFF2-40B4-BE49-F238E27FC236}">
                <a16:creationId xmlns:a16="http://schemas.microsoft.com/office/drawing/2014/main" id="{A9E6207C-0E76-709F-B42E-102AE196A988}"/>
              </a:ext>
            </a:extLst>
          </p:cNvPr>
          <p:cNvSpPr/>
          <p:nvPr>
            <p:custDataLst>
              <p:tags r:id="rId78"/>
            </p:custDataLst>
          </p:nvPr>
        </p:nvSpPr>
        <p:spPr>
          <a:xfrm>
            <a:off x="3212863" y="3766736"/>
            <a:ext cx="0" cy="0"/>
          </a:xfrm>
          <a:prstGeom prst="flowChartMerg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TLSHAPE_M_f20b1c80c8ae4c05a58ac70f21557874_Title">
            <a:extLst>
              <a:ext uri="{FF2B5EF4-FFF2-40B4-BE49-F238E27FC236}">
                <a16:creationId xmlns:a16="http://schemas.microsoft.com/office/drawing/2014/main" id="{95F1B6B5-EFE6-5915-BDF7-9D72EE2CBC47}"/>
              </a:ext>
            </a:extLst>
          </p:cNvPr>
          <p:cNvSpPr txBox="1"/>
          <p:nvPr>
            <p:custDataLst>
              <p:tags r:id="rId79"/>
            </p:custDataLst>
          </p:nvPr>
        </p:nvSpPr>
        <p:spPr>
          <a:xfrm>
            <a:off x="2899116" y="4845232"/>
            <a:ext cx="1003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a:ea typeface="Calibri"/>
                <a:cs typeface="Calibri"/>
              </a:rPr>
              <a:t>Prototype Design</a:t>
            </a:r>
            <a:endParaRPr lang="en-US" sz="1100" b="1" spc="-6">
              <a:solidFill>
                <a:schemeClr val="dk1"/>
              </a:solidFill>
              <a:latin typeface="Calibri" panose="020F0502020204030204" pitchFamily="34" charset="0"/>
            </a:endParaRPr>
          </a:p>
        </p:txBody>
      </p:sp>
      <p:sp>
        <p:nvSpPr>
          <p:cNvPr id="98" name="OTLSHAPE_M_f20b1c80c8ae4c05a58ac70f21557874_Date">
            <a:extLst>
              <a:ext uri="{FF2B5EF4-FFF2-40B4-BE49-F238E27FC236}">
                <a16:creationId xmlns:a16="http://schemas.microsoft.com/office/drawing/2014/main" id="{CD65FE13-8CED-8D0D-0EFB-0FB5B30BC771}"/>
              </a:ext>
            </a:extLst>
          </p:cNvPr>
          <p:cNvSpPr txBox="1"/>
          <p:nvPr>
            <p:custDataLst>
              <p:tags r:id="rId80"/>
            </p:custDataLst>
          </p:nvPr>
        </p:nvSpPr>
        <p:spPr>
          <a:xfrm>
            <a:off x="2899116" y="4690208"/>
            <a:ext cx="673100" cy="155025"/>
          </a:xfrm>
          <a:prstGeom prst="rect">
            <a:avLst/>
          </a:prstGeom>
          <a:noFill/>
        </p:spPr>
        <p:txBody>
          <a:bodyPr vert="horz" wrap="square" lIns="0" tIns="0" rIns="0" bIns="0" rtlCol="0" anchor="ctr" anchorCtr="0">
            <a:spAutoFit/>
          </a:bodyPr>
          <a:lstStyle/>
          <a:p>
            <a:r>
              <a:rPr lang="en-US" sz="1000" spc="-6">
                <a:solidFill>
                  <a:srgbClr val="242852"/>
                </a:solidFill>
                <a:latin typeface="Calibri" panose="020F0502020204030204" pitchFamily="34" charset="0"/>
              </a:rPr>
              <a:t>Sep 27, 2024</a:t>
            </a:r>
          </a:p>
        </p:txBody>
      </p:sp>
      <p:sp>
        <p:nvSpPr>
          <p:cNvPr id="4" name="OTLSHAPE_M_5e7a8fabfd1647d394a86a9ea7825794_Title" hidden="1">
            <a:extLst>
              <a:ext uri="{FF2B5EF4-FFF2-40B4-BE49-F238E27FC236}">
                <a16:creationId xmlns:a16="http://schemas.microsoft.com/office/drawing/2014/main" id="{2FEA7350-B338-F8C4-0000-1D030522F69F}"/>
              </a:ext>
            </a:extLst>
          </p:cNvPr>
          <p:cNvSpPr txBox="1"/>
          <p:nvPr>
            <p:custDataLst>
              <p:tags r:id="rId81"/>
            </p:custDataLst>
          </p:nvPr>
        </p:nvSpPr>
        <p:spPr>
          <a:xfrm>
            <a:off x="12700" y="-949101"/>
            <a:ext cx="0" cy="0"/>
          </a:xfrm>
          <a:prstGeom prst="rect">
            <a:avLst/>
          </a:prstGeom>
          <a:noFill/>
        </p:spPr>
        <p:txBody>
          <a:bodyPr vert="horz" wrap="square" lIns="0" tIns="0" rIns="0" bIns="0" rtlCol="0" anchor="ctr" anchorCtr="0">
            <a:spAutoFit/>
          </a:bodyPr>
          <a:lstStyle/>
          <a:p>
            <a:pPr algn="ctr"/>
            <a:r>
              <a:rPr lang="en-US" sz="1100" b="1">
                <a:solidFill>
                  <a:schemeClr val="dk1"/>
                </a:solidFill>
                <a:latin typeface="Calibri" panose="020F0502020204030204" pitchFamily="34" charset="0"/>
              </a:rPr>
              <a:t>Start Software</a:t>
            </a:r>
          </a:p>
        </p:txBody>
      </p:sp>
      <p:sp>
        <p:nvSpPr>
          <p:cNvPr id="26" name="OTLSHAPE_M_5e7a8fabfd1647d394a86a9ea7825794_Date" hidden="1">
            <a:extLst>
              <a:ext uri="{FF2B5EF4-FFF2-40B4-BE49-F238E27FC236}">
                <a16:creationId xmlns:a16="http://schemas.microsoft.com/office/drawing/2014/main" id="{6403BD0F-C8BA-87DF-A612-A77D4E0502A3}"/>
              </a:ext>
            </a:extLst>
          </p:cNvPr>
          <p:cNvSpPr txBox="1"/>
          <p:nvPr>
            <p:custDataLst>
              <p:tags r:id="rId82"/>
            </p:custDataLst>
          </p:nvPr>
        </p:nvSpPr>
        <p:spPr>
          <a:xfrm>
            <a:off x="12700" y="-541298"/>
            <a:ext cx="0" cy="0"/>
          </a:xfrm>
          <a:prstGeom prst="rect">
            <a:avLst/>
          </a:prstGeom>
          <a:noFill/>
        </p:spPr>
        <p:txBody>
          <a:bodyPr vert="horz" wrap="square" lIns="0" tIns="0" rIns="0" bIns="0" rtlCol="0" anchor="ctr" anchorCtr="0">
            <a:spAutoFit/>
          </a:bodyPr>
          <a:lstStyle/>
          <a:p>
            <a:pPr algn="ctr"/>
            <a:r>
              <a:rPr lang="en-US" sz="1000">
                <a:solidFill>
                  <a:srgbClr val="242852"/>
                </a:solidFill>
                <a:latin typeface="Calibri" panose="020F0502020204030204" pitchFamily="34" charset="0"/>
              </a:rPr>
              <a:t>Oct 7, 2024</a:t>
            </a:r>
          </a:p>
        </p:txBody>
      </p:sp>
      <p:pic>
        <p:nvPicPr>
          <p:cNvPr id="63" name="Picture 62" descr="A black and white line art of a bottle and a pill&#10;&#10;Description automatically generated">
            <a:extLst>
              <a:ext uri="{FF2B5EF4-FFF2-40B4-BE49-F238E27FC236}">
                <a16:creationId xmlns:a16="http://schemas.microsoft.com/office/drawing/2014/main" id="{99136D84-611D-9A96-48EF-10B319B951A8}"/>
              </a:ext>
            </a:extLst>
          </p:cNvPr>
          <p:cNvPicPr>
            <a:picLocks noChangeAspect="1"/>
          </p:cNvPicPr>
          <p:nvPr/>
        </p:nvPicPr>
        <p:blipFill>
          <a:blip r:embed="rId84"/>
          <a:srcRect l="12245" t="16176" r="17687" b="19853"/>
          <a:stretch/>
        </p:blipFill>
        <p:spPr>
          <a:xfrm>
            <a:off x="10848802" y="5609999"/>
            <a:ext cx="1361553" cy="1150052"/>
          </a:xfrm>
          <a:prstGeom prst="rect">
            <a:avLst/>
          </a:prstGeom>
        </p:spPr>
      </p:pic>
      <p:sp>
        <p:nvSpPr>
          <p:cNvPr id="64" name="TextBox 63">
            <a:extLst>
              <a:ext uri="{FF2B5EF4-FFF2-40B4-BE49-F238E27FC236}">
                <a16:creationId xmlns:a16="http://schemas.microsoft.com/office/drawing/2014/main" id="{AF05EA2A-B9B7-189B-6619-2043C8244D06}"/>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prstClr val="black"/>
                </a:solidFill>
                <a:latin typeface="Freestyle Script"/>
                <a:ea typeface="Calibri"/>
                <a:cs typeface="Calibri"/>
              </a:rPr>
              <a:t>Dr. Pill</a:t>
            </a:r>
            <a:endParaRPr lang="en-US">
              <a:solidFill>
                <a:prstClr val="black"/>
              </a:solidFill>
              <a:latin typeface="Freestyle Script"/>
            </a:endParaRPr>
          </a:p>
        </p:txBody>
      </p:sp>
      <p:sp>
        <p:nvSpPr>
          <p:cNvPr id="67" name="Title 1">
            <a:extLst>
              <a:ext uri="{FF2B5EF4-FFF2-40B4-BE49-F238E27FC236}">
                <a16:creationId xmlns:a16="http://schemas.microsoft.com/office/drawing/2014/main" id="{0B049357-1FD1-9E0F-B0C2-352E73955152}"/>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5000" b="0" i="0" u="none" strike="noStrike" kern="1200" cap="all" spc="150" normalizeH="0" baseline="0" noProof="0">
                <a:ln>
                  <a:noFill/>
                </a:ln>
                <a:solidFill>
                  <a:srgbClr val="0070C0"/>
                </a:solidFill>
                <a:effectLst/>
                <a:uLnTx/>
                <a:uFillTx/>
                <a:latin typeface="Neue Haas Grotesk Text Pro"/>
                <a:ea typeface="+mj-ea"/>
                <a:cs typeface="+mj-cs"/>
              </a:rPr>
              <a:t>TIMELINE</a:t>
            </a:r>
            <a:endParaRPr kumimoji="0" lang="en-US" sz="2800" b="0" i="0" u="none" strike="noStrike" kern="1200" cap="all" spc="150" normalizeH="0" baseline="0" noProof="0">
              <a:ln>
                <a:noFill/>
              </a:ln>
              <a:solidFill>
                <a:prstClr val="black"/>
              </a:solidFill>
              <a:effectLst/>
              <a:uLnTx/>
              <a:uFillTx/>
              <a:latin typeface="Neue Haas Grotesk Text Pro"/>
              <a:ea typeface="+mj-ea"/>
              <a:cs typeface="+mj-cs"/>
            </a:endParaRPr>
          </a:p>
        </p:txBody>
      </p:sp>
    </p:spTree>
    <p:custDataLst>
      <p:tags r:id="rId1"/>
    </p:custDataLst>
    <p:extLst>
      <p:ext uri="{BB962C8B-B14F-4D97-AF65-F5344CB8AC3E}">
        <p14:creationId xmlns:p14="http://schemas.microsoft.com/office/powerpoint/2010/main" val="403368735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219200" y="1503143"/>
            <a:ext cx="9352959" cy="812530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r>
              <a:rPr lang="en-US" sz="1200" i="1">
                <a:latin typeface="Times New Roman"/>
                <a:cs typeface="Times New Roman"/>
              </a:rPr>
              <a:t>Alam, Md Tausif, et al. “FDA-Approved Natural Polymers for Fast Dissolving Tablets.” Journal of Pharmaceutics, U.S. National Library of Medicine, </a:t>
            </a:r>
            <a:r>
              <a:rPr lang="en-US" sz="1200">
                <a:latin typeface="Neue Haas Grotesk Text Pro"/>
                <a:cs typeface="Times New Roman"/>
                <a:hlinkClick r:id="rId2"/>
              </a:rPr>
              <a:t>https://www.ncbi.nlm.nih.gov/pmc/articles/PMC4590815/</a:t>
            </a:r>
            <a:endParaRPr lang="en-US" sz="1200"/>
          </a:p>
          <a:p>
            <a:endParaRPr lang="en-US" sz="1200">
              <a:latin typeface="Times New Roman"/>
              <a:cs typeface="Times New Roman"/>
            </a:endParaRPr>
          </a:p>
          <a:p>
            <a:r>
              <a:rPr lang="en-US" sz="1200">
                <a:latin typeface="Times New Roman"/>
                <a:cs typeface="Times New Roman"/>
              </a:rPr>
              <a:t>Alei. “Pill Size Chart.” </a:t>
            </a:r>
            <a:r>
              <a:rPr lang="en-US" sz="1200" i="1">
                <a:latin typeface="Times New Roman"/>
                <a:cs typeface="Times New Roman"/>
              </a:rPr>
              <a:t>AIPAK</a:t>
            </a:r>
            <a:r>
              <a:rPr lang="en-US" sz="1200">
                <a:latin typeface="Times New Roman"/>
                <a:cs typeface="Times New Roman"/>
              </a:rPr>
              <a:t>, 9 Apr. 2024, </a:t>
            </a:r>
            <a:r>
              <a:rPr lang="en-US" sz="1200">
                <a:latin typeface="Times New Roman"/>
                <a:cs typeface="Times New Roman"/>
                <a:hlinkClick r:id="rId3"/>
              </a:rPr>
              <a:t>www.icapsulepack.com/pill-size-chart/.</a:t>
            </a:r>
          </a:p>
          <a:p>
            <a:endParaRPr lang="en-US" sz="1200">
              <a:latin typeface="Times New Roman"/>
              <a:cs typeface="Times New Roman"/>
            </a:endParaRPr>
          </a:p>
          <a:p>
            <a:r>
              <a:rPr lang="en-US" sz="1200">
                <a:latin typeface="Times New Roman"/>
                <a:cs typeface="Times New Roman"/>
              </a:rPr>
              <a:t>Charlesworth, Christina J, et al. “Polypharmacy Among Adults Aged 65 Years and Older in the United States: 1988-2010.” The Journals of Gerontology. Series A, Biological Sciences and Medical Sciences, U.S. National Library of Medicine, </a:t>
            </a:r>
            <a:r>
              <a:rPr lang="en-US" sz="1200">
                <a:latin typeface="Times New Roman"/>
                <a:cs typeface="Times New Roman"/>
                <a:hlinkClick r:id="rId4"/>
              </a:rPr>
              <a:t>www.ncbi.nlm.nih.gov/pmc/articles/PMC4573668/.</a:t>
            </a:r>
          </a:p>
          <a:p>
            <a:endParaRPr lang="en-US" sz="1200">
              <a:latin typeface="Times New Roman"/>
              <a:cs typeface="Times New Roman"/>
            </a:endParaRPr>
          </a:p>
          <a:p>
            <a:r>
              <a:rPr lang="en-US" sz="1200">
                <a:latin typeface="Times New Roman"/>
                <a:cs typeface="Times New Roman"/>
              </a:rPr>
              <a:t>Craig M. Hales, M.D., M.P.H., Jennifer Servais, B.Sc., Crescent B. Martin, M.P.H., M.A., and Dafna Kohen, Ph.D., M.Sc., “Products - Data Briefs - Number 347 - August 2019.” </a:t>
            </a:r>
            <a:r>
              <a:rPr lang="en-US" sz="1200" i="1">
                <a:latin typeface="Times New Roman"/>
                <a:cs typeface="Times New Roman"/>
              </a:rPr>
              <a:t>Centers for Disease Control and Prevention</a:t>
            </a:r>
            <a:r>
              <a:rPr lang="en-US" sz="1200">
                <a:latin typeface="Times New Roman"/>
                <a:cs typeface="Times New Roman"/>
              </a:rPr>
              <a:t>, 14 Aug. 2019, </a:t>
            </a:r>
            <a:r>
              <a:rPr lang="en-US" sz="1200" u="sng">
                <a:latin typeface="Times New Roman"/>
                <a:cs typeface="Times New Roman"/>
                <a:hlinkClick r:id="rId5"/>
              </a:rPr>
              <a:t>https://www.cdc.gov/nchs/products/databriefs/db347.htm#:~:text=Among%20U.S.%20adults%20aged%2060,proton%20pump%20inhibitors%20(16.9%25/</a:t>
            </a:r>
            <a:endParaRPr lang="en-US" sz="1200" u="sng">
              <a:latin typeface="Times New Roman"/>
              <a:cs typeface="Times New Roman"/>
            </a:endParaRPr>
          </a:p>
          <a:p>
            <a:endParaRPr lang="en-US" sz="1200">
              <a:latin typeface="Times New Roman"/>
              <a:cs typeface="Times New Roman"/>
            </a:endParaRPr>
          </a:p>
          <a:p>
            <a:r>
              <a:rPr lang="en-US" sz="1200">
                <a:latin typeface="Times New Roman"/>
                <a:cs typeface="Times New Roman"/>
              </a:rPr>
              <a:t>Ferro Uriguen, Alexander, et al. “Determination of the Cross-Contamination and Validation of the Cleaning Process for an Automated Personalised Dosing System.” </a:t>
            </a:r>
            <a:r>
              <a:rPr lang="en-US" sz="1200" i="1">
                <a:latin typeface="Times New Roman"/>
                <a:cs typeface="Times New Roman"/>
              </a:rPr>
              <a:t>European Journal of Hospital Pharmacy : Science and Practice</a:t>
            </a:r>
            <a:r>
              <a:rPr lang="en-US" sz="1200">
                <a:latin typeface="Times New Roman"/>
                <a:cs typeface="Times New Roman"/>
              </a:rPr>
              <a:t>, U.S. National Library of Medicine, </a:t>
            </a:r>
            <a:r>
              <a:rPr lang="en-US" sz="1200">
                <a:latin typeface="Times New Roman"/>
                <a:cs typeface="Times New Roman"/>
                <a:hlinkClick r:id="rId6"/>
              </a:rPr>
              <a:t>www.ncbi.nlm.nih.gov/pmc/articles/PMC9047934/.</a:t>
            </a:r>
          </a:p>
          <a:p>
            <a:endParaRPr lang="en-US" sz="1200">
              <a:latin typeface="Times New Roman"/>
              <a:cs typeface="Times New Roman"/>
            </a:endParaRPr>
          </a:p>
          <a:p>
            <a:r>
              <a:rPr lang="en-US" sz="1200">
                <a:latin typeface="Times New Roman"/>
                <a:cs typeface="Times New Roman"/>
              </a:rPr>
              <a:t>Formlabs</a:t>
            </a:r>
            <a:r>
              <a:rPr lang="en-US" sz="1200" i="1">
                <a:latin typeface="Times New Roman"/>
                <a:cs typeface="Times New Roman"/>
              </a:rPr>
              <a:t>, </a:t>
            </a:r>
            <a:r>
              <a:rPr lang="en-US" sz="1200">
                <a:latin typeface="Times New Roman"/>
                <a:cs typeface="Times New Roman"/>
              </a:rPr>
              <a:t>“The Essential Guide to Food Safe 3D Printing.” </a:t>
            </a:r>
            <a:r>
              <a:rPr lang="en-US" sz="1200" i="1">
                <a:latin typeface="Times New Roman"/>
                <a:cs typeface="Times New Roman"/>
              </a:rPr>
              <a:t>Formlabs</a:t>
            </a:r>
            <a:r>
              <a:rPr lang="en-US" sz="1200">
                <a:latin typeface="Times New Roman"/>
                <a:cs typeface="Times New Roman"/>
              </a:rPr>
              <a:t>, </a:t>
            </a:r>
            <a:r>
              <a:rPr lang="en-US" sz="1200">
                <a:latin typeface="Times New Roman"/>
                <a:cs typeface="Times New Roman"/>
                <a:hlinkClick r:id="rId7"/>
              </a:rPr>
              <a:t>formlabs.com/blog/guide-to-food-safe-3d-printing/.</a:t>
            </a:r>
          </a:p>
          <a:p>
            <a:endParaRPr lang="en-US" sz="1500" u="sng">
              <a:latin typeface="Times New Roman"/>
              <a:cs typeface="Times New Roman"/>
            </a:endParaRPr>
          </a:p>
          <a:p>
            <a:r>
              <a:rPr lang="en-US" sz="1200">
                <a:latin typeface="Times New Roman"/>
                <a:cs typeface="Times New Roman"/>
              </a:rPr>
              <a:t>Irfan’s Idiotic Ideas, </a:t>
            </a:r>
            <a:r>
              <a:rPr lang="en-US" sz="1200" i="1">
                <a:latin typeface="Times New Roman"/>
                <a:cs typeface="Times New Roman"/>
              </a:rPr>
              <a:t>“How To Make A Conveyor Belt System At Home || Conveyor Belt Model || Homemade Conveyor Belt” YouTube</a:t>
            </a:r>
            <a:r>
              <a:rPr lang="en-US" sz="1200">
                <a:latin typeface="Times New Roman"/>
                <a:cs typeface="Times New Roman"/>
              </a:rPr>
              <a:t>, </a:t>
            </a:r>
            <a:r>
              <a:rPr lang="en-US" sz="1200">
                <a:latin typeface="Times New Roman"/>
                <a:cs typeface="Times New Roman"/>
                <a:hlinkClick r:id="rId8"/>
              </a:rPr>
              <a:t>www.youtube.com/watch?app=desktop&amp;v=8Vnoso8rhaw.</a:t>
            </a:r>
          </a:p>
          <a:p>
            <a:endParaRPr lang="en-US" sz="1200">
              <a:latin typeface="Times New Roman"/>
              <a:cs typeface="Times New Roman"/>
            </a:endParaRPr>
          </a:p>
          <a:p>
            <a:endParaRPr lang="en-US" sz="1500" u="sng">
              <a:latin typeface="Times New Roman"/>
              <a:cs typeface="Times New Roman"/>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pic>
        <p:nvPicPr>
          <p:cNvPr id="2" name="Picture 1" descr="A white line art of a bottle and a pill&#10;&#10;Description automatically generated">
            <a:extLst>
              <a:ext uri="{FF2B5EF4-FFF2-40B4-BE49-F238E27FC236}">
                <a16:creationId xmlns:a16="http://schemas.microsoft.com/office/drawing/2014/main" id="{7C04E990-E751-8564-E753-DE66BFB94C24}"/>
              </a:ext>
            </a:extLst>
          </p:cNvPr>
          <p:cNvPicPr>
            <a:picLocks noChangeAspect="1"/>
          </p:cNvPicPr>
          <p:nvPr/>
        </p:nvPicPr>
        <p:blipFill>
          <a:blip r:embed="rId9"/>
          <a:srcRect l="14554" t="17453" r="17499" b="17579"/>
          <a:stretch/>
        </p:blipFill>
        <p:spPr>
          <a:xfrm>
            <a:off x="10914299" y="5628485"/>
            <a:ext cx="1279589" cy="1231571"/>
          </a:xfrm>
          <a:prstGeom prst="rect">
            <a:avLst/>
          </a:prstGeom>
        </p:spPr>
      </p:pic>
      <p:sp>
        <p:nvSpPr>
          <p:cNvPr id="4" name="TextBox 3">
            <a:extLst>
              <a:ext uri="{FF2B5EF4-FFF2-40B4-BE49-F238E27FC236}">
                <a16:creationId xmlns:a16="http://schemas.microsoft.com/office/drawing/2014/main" id="{4680EE3A-3BC4-9480-9605-48D4FD81C921}"/>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
        <p:nvSpPr>
          <p:cNvPr id="11" name="Title 1">
            <a:extLst>
              <a:ext uri="{FF2B5EF4-FFF2-40B4-BE49-F238E27FC236}">
                <a16:creationId xmlns:a16="http://schemas.microsoft.com/office/drawing/2014/main" id="{12C6ED02-9EF1-9AF7-F8D6-0C2AEBA73E6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5000">
                <a:solidFill>
                  <a:srgbClr val="BEB3F9"/>
                </a:solidFill>
                <a:latin typeface="Tenorite"/>
              </a:rPr>
              <a:t>REFERENCES</a:t>
            </a:r>
            <a:endParaRPr lang="en-US"/>
          </a:p>
        </p:txBody>
      </p:sp>
    </p:spTree>
    <p:extLst>
      <p:ext uri="{BB962C8B-B14F-4D97-AF65-F5344CB8AC3E}">
        <p14:creationId xmlns:p14="http://schemas.microsoft.com/office/powerpoint/2010/main" val="105670793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B75EAB48-EB0F-5D56-211F-555FFEEDBA4E}"/>
              </a:ext>
            </a:extLst>
          </p:cNvPr>
          <p:cNvSpPr txBox="1"/>
          <p:nvPr/>
        </p:nvSpPr>
        <p:spPr>
          <a:xfrm>
            <a:off x="1337340" y="1963887"/>
            <a:ext cx="9352959" cy="770980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sz="1200">
              <a:cs typeface="Arial"/>
            </a:endParaRPr>
          </a:p>
          <a:p>
            <a:r>
              <a:rPr lang="en-US" sz="1200">
                <a:latin typeface="Times New Roman"/>
                <a:cs typeface="Times New Roman"/>
              </a:rPr>
              <a:t>J. Mark Ruscin, Sunny A. Linnebur, “Aging and Medications - Aging and Medications.” Merck Manual Consumer Version, </a:t>
            </a:r>
            <a:endParaRPr lang="en-US" sz="1200" u="sng">
              <a:solidFill>
                <a:srgbClr val="0070C0"/>
              </a:solidFill>
              <a:latin typeface="Times New Roman"/>
              <a:cs typeface="Times New Roman"/>
            </a:endParaRPr>
          </a:p>
          <a:p>
            <a:r>
              <a:rPr lang="en-US" sz="1200">
                <a:latin typeface="Times New Roman"/>
                <a:cs typeface="Times New Roman"/>
                <a:hlinkClick r:id="rId2"/>
              </a:rPr>
              <a:t>www.merckmanuals.com/home/older-people%E2%80%99s-health-issues/aging-and-medications/aging-and-medications.</a:t>
            </a:r>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Pill Counting Scales.” </a:t>
            </a:r>
            <a:r>
              <a:rPr lang="en-US" sz="1200" i="1" err="1">
                <a:latin typeface="Times New Roman"/>
                <a:cs typeface="Times New Roman"/>
              </a:rPr>
              <a:t>DSCBalances</a:t>
            </a:r>
            <a:r>
              <a:rPr lang="en-US" sz="1200">
                <a:latin typeface="Times New Roman"/>
                <a:cs typeface="Times New Roman"/>
              </a:rPr>
              <a:t>, </a:t>
            </a:r>
            <a:r>
              <a:rPr lang="en-US" sz="1200" u="sng">
                <a:solidFill>
                  <a:srgbClr val="0070C0"/>
                </a:solidFill>
                <a:latin typeface="Times New Roman"/>
                <a:cs typeface="Times New Roman"/>
                <a:hlinkClick r:id="rId3"/>
              </a:rPr>
              <a:t>www.dscbalances.com/collections/pill-counting-scales.​</a:t>
            </a:r>
            <a:endParaRPr lang="en-US" sz="1200" u="sng">
              <a:solidFill>
                <a:srgbClr val="0070C0"/>
              </a:solidFill>
              <a:latin typeface="Times New Roman"/>
              <a:cs typeface="Times New Roman"/>
            </a:endParaRPr>
          </a:p>
          <a:p>
            <a:endParaRPr lang="en-US" sz="1200">
              <a:latin typeface="Times New Roman"/>
              <a:cs typeface="Times New Roman"/>
            </a:endParaRPr>
          </a:p>
          <a:p>
            <a:r>
              <a:rPr lang="en-US" sz="1200" i="1">
                <a:latin typeface="Times New Roman"/>
                <a:cs typeface="Times New Roman"/>
              </a:rPr>
              <a:t>Ranjit’s Embedded Solutions, “Arduino-based Conveyor Belt Using DC Motor with RPM Control And Object Counting”, YouTube</a:t>
            </a:r>
            <a:r>
              <a:rPr lang="en-US" sz="1200">
                <a:latin typeface="Times New Roman"/>
                <a:cs typeface="Times New Roman"/>
              </a:rPr>
              <a:t>, </a:t>
            </a:r>
            <a:r>
              <a:rPr lang="en-US" sz="1200">
                <a:solidFill>
                  <a:srgbClr val="0070C0"/>
                </a:solidFill>
                <a:latin typeface="Times New Roman"/>
                <a:cs typeface="Times New Roman"/>
                <a:hlinkClick r:id="rId4"/>
              </a:rPr>
              <a:t>www.youtube.com/watch?v=VHAqJ9a7SqI.</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i="1">
                <a:latin typeface="Times New Roman"/>
                <a:cs typeface="Times New Roman"/>
              </a:rPr>
              <a:t>Rosemont Pharma, </a:t>
            </a:r>
            <a:r>
              <a:rPr lang="en-US" sz="1200">
                <a:latin typeface="Times New Roman"/>
                <a:cs typeface="Times New Roman"/>
              </a:rPr>
              <a:t>“Rosemont: Information For Patients On The Dangers Of Tablet Crushing.”, 14 Oct. 2023, </a:t>
            </a:r>
            <a:r>
              <a:rPr lang="en-US" sz="1200">
                <a:solidFill>
                  <a:srgbClr val="0070C0"/>
                </a:solidFill>
                <a:latin typeface="Times New Roman"/>
                <a:cs typeface="Times New Roman"/>
                <a:hlinkClick r:id="rId5"/>
              </a:rPr>
              <a:t>www.rosemontpharma.com/tablet-crushing/.</a:t>
            </a:r>
            <a:endParaRPr lang="en-US" sz="1200">
              <a:solidFill>
                <a:srgbClr val="0070C0"/>
              </a:solidFill>
              <a:latin typeface="Times New Roman"/>
              <a:cs typeface="Times New Roman"/>
            </a:endParaRPr>
          </a:p>
          <a:p>
            <a:endParaRPr lang="en-US" sz="1500" u="sng">
              <a:latin typeface="Times New Roman"/>
              <a:cs typeface="Times New Roman"/>
            </a:endParaRPr>
          </a:p>
          <a:p>
            <a:r>
              <a:rPr lang="en-US" sz="1200">
                <a:latin typeface="Times New Roman"/>
                <a:cs typeface="Times New Roman"/>
              </a:rPr>
              <a:t>Wang, Nathan, “What Is PLA Plastic? Benefits, Uses, and Safety of PLA Material!” </a:t>
            </a:r>
            <a:r>
              <a:rPr lang="en-US" sz="1200" i="1" err="1">
                <a:latin typeface="Times New Roman"/>
                <a:cs typeface="Times New Roman"/>
              </a:rPr>
              <a:t>Onenice</a:t>
            </a:r>
            <a:r>
              <a:rPr lang="en-US" sz="1200" i="1">
                <a:latin typeface="Times New Roman"/>
                <a:cs typeface="Times New Roman"/>
              </a:rPr>
              <a:t> </a:t>
            </a:r>
            <a:r>
              <a:rPr lang="en-US" sz="1200" i="1" err="1">
                <a:latin typeface="Times New Roman"/>
                <a:cs typeface="Times New Roman"/>
              </a:rPr>
              <a:t>Internaional</a:t>
            </a:r>
            <a:r>
              <a:rPr lang="en-US" sz="1200" i="1">
                <a:latin typeface="Times New Roman"/>
                <a:cs typeface="Times New Roman"/>
              </a:rPr>
              <a:t> Co., Ltd.</a:t>
            </a:r>
            <a:r>
              <a:rPr lang="en-US" sz="1200">
                <a:latin typeface="Times New Roman"/>
                <a:cs typeface="Times New Roman"/>
              </a:rPr>
              <a:t>, 30 July 2024, </a:t>
            </a:r>
            <a:r>
              <a:rPr lang="en-US" sz="1200">
                <a:latin typeface="Times New Roman"/>
                <a:cs typeface="Times New Roman"/>
                <a:hlinkClick r:id="rId6"/>
              </a:rPr>
              <a:t>www.geckohaha.com/what-is-pla-plastic/.</a:t>
            </a:r>
          </a:p>
          <a:p>
            <a:endParaRPr lang="en-US" sz="1200">
              <a:latin typeface="Times New Roman"/>
              <a:cs typeface="Times New Roman"/>
            </a:endParaRPr>
          </a:p>
          <a:p>
            <a:r>
              <a:rPr lang="en-US" sz="1200">
                <a:latin typeface="Times New Roman"/>
                <a:cs typeface="Times New Roman"/>
              </a:rPr>
              <a:t>YouTube: Best Automatic Pill Dispensers [November 2021], </a:t>
            </a:r>
            <a:r>
              <a:rPr lang="en-US" sz="1200">
                <a:latin typeface="Times New Roman"/>
                <a:cs typeface="Times New Roman"/>
                <a:hlinkClick r:id="rId7"/>
              </a:rPr>
              <a:t>www.youtube.com/watch?v=ffu1d6DnqjQ.</a:t>
            </a:r>
          </a:p>
          <a:p>
            <a:endParaRPr lang="en-US" sz="1500" u="sng">
              <a:latin typeface="Times New Roman"/>
              <a:cs typeface="Times New Roman"/>
            </a:endParaRPr>
          </a:p>
          <a:p>
            <a:r>
              <a:rPr lang="en-US" sz="1200">
                <a:latin typeface="Times New Roman"/>
                <a:cs typeface="Times New Roman"/>
              </a:rPr>
              <a:t>YouTube: Count Right Pill Counter (J1245n) - Inventory, </a:t>
            </a:r>
            <a:r>
              <a:rPr lang="en-US" sz="1200">
                <a:latin typeface="Times New Roman"/>
                <a:cs typeface="Times New Roman"/>
                <a:hlinkClick r:id="rId8"/>
              </a:rPr>
              <a:t>www.youtube.com/watch?v=l1ECQJ63jCg.</a:t>
            </a:r>
          </a:p>
          <a:p>
            <a:endParaRPr lang="en-US" sz="1200">
              <a:latin typeface="Times New Roman"/>
              <a:cs typeface="Times New Roman"/>
            </a:endParaRPr>
          </a:p>
          <a:p>
            <a:endParaRPr lang="en-US" sz="1200">
              <a:latin typeface="Times New Roman"/>
              <a:cs typeface="Times New Roman"/>
            </a:endParaRPr>
          </a:p>
          <a:p>
            <a:r>
              <a:rPr lang="en-US" sz="1200">
                <a:latin typeface="Times New Roman"/>
                <a:cs typeface="Times New Roman"/>
              </a:rPr>
              <a:t>YouTube: Electronic Tablet Counter: RX 4 Capsule Counter Machine by RX Count, </a:t>
            </a:r>
            <a:r>
              <a:rPr lang="en-US" sz="1200">
                <a:latin typeface="Times New Roman"/>
                <a:cs typeface="Times New Roman"/>
                <a:hlinkClick r:id="rId9"/>
              </a:rPr>
              <a:t>www.youtube.com/watch?v=mO_NhPjw8f0.</a:t>
            </a:r>
          </a:p>
          <a:p>
            <a:endParaRPr lang="en-US">
              <a:cs typeface="Arial"/>
            </a:endParaRPr>
          </a:p>
          <a:p>
            <a:endParaRPr lang="en-US">
              <a:cs typeface="Arial"/>
            </a:endParaRPr>
          </a:p>
          <a:p>
            <a:endParaRPr lang="en-US">
              <a:cs typeface="Arial"/>
            </a:endParaRPr>
          </a:p>
          <a:p>
            <a:endParaRPr lang="en-US">
              <a:cs typeface="Arial"/>
            </a:endParaRPr>
          </a:p>
          <a:p>
            <a:endParaRPr lang="en-US">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a:p>
            <a:endParaRPr lang="en-US">
              <a:solidFill>
                <a:srgbClr val="FFFFFF"/>
              </a:solidFill>
              <a:cs typeface="Arial"/>
            </a:endParaRPr>
          </a:p>
        </p:txBody>
      </p:sp>
      <p:pic>
        <p:nvPicPr>
          <p:cNvPr id="2" name="Picture 1" descr="A white line art of a bottle and a pill&#10;&#10;Description automatically generated">
            <a:extLst>
              <a:ext uri="{FF2B5EF4-FFF2-40B4-BE49-F238E27FC236}">
                <a16:creationId xmlns:a16="http://schemas.microsoft.com/office/drawing/2014/main" id="{7C04E990-E751-8564-E753-DE66BFB94C24}"/>
              </a:ext>
            </a:extLst>
          </p:cNvPr>
          <p:cNvPicPr>
            <a:picLocks noChangeAspect="1"/>
          </p:cNvPicPr>
          <p:nvPr/>
        </p:nvPicPr>
        <p:blipFill>
          <a:blip r:embed="rId10"/>
          <a:srcRect l="14554" t="17453" r="17499" b="17579"/>
          <a:stretch/>
        </p:blipFill>
        <p:spPr>
          <a:xfrm>
            <a:off x="10914299" y="5628485"/>
            <a:ext cx="1279589" cy="1231571"/>
          </a:xfrm>
          <a:prstGeom prst="rect">
            <a:avLst/>
          </a:prstGeom>
        </p:spPr>
      </p:pic>
      <p:sp>
        <p:nvSpPr>
          <p:cNvPr id="4" name="TextBox 3">
            <a:extLst>
              <a:ext uri="{FF2B5EF4-FFF2-40B4-BE49-F238E27FC236}">
                <a16:creationId xmlns:a16="http://schemas.microsoft.com/office/drawing/2014/main" id="{4680EE3A-3BC4-9480-9605-48D4FD81C921}"/>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
        <p:nvSpPr>
          <p:cNvPr id="9" name="Title 1">
            <a:extLst>
              <a:ext uri="{FF2B5EF4-FFF2-40B4-BE49-F238E27FC236}">
                <a16:creationId xmlns:a16="http://schemas.microsoft.com/office/drawing/2014/main" id="{ADBFDF35-AD0A-2EE5-46C1-A3772D3382B7}"/>
              </a:ext>
            </a:extLst>
          </p:cNvPr>
          <p:cNvSpPr txBox="1">
            <a:spLocks/>
          </p:cNvSpPr>
          <p:nvPr/>
        </p:nvSpPr>
        <p:spPr>
          <a:xfrm>
            <a:off x="2786304" y="670214"/>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defRPr/>
            </a:pPr>
            <a:endParaRPr lang="en-US" sz="5000">
              <a:solidFill>
                <a:srgbClr val="BEB3F9"/>
              </a:solidFill>
              <a:latin typeface="Tenorite"/>
            </a:endParaRPr>
          </a:p>
          <a:p>
            <a:pPr marL="0" marR="0" lvl="0" indent="0" algn="ctr" defTabSz="914400">
              <a:lnSpc>
                <a:spcPct val="90000"/>
              </a:lnSpc>
              <a:spcBef>
                <a:spcPct val="0"/>
              </a:spcBef>
              <a:spcAft>
                <a:spcPts val="0"/>
              </a:spcAft>
              <a:buNone/>
              <a:tabLst/>
              <a:defRPr/>
            </a:pPr>
            <a:r>
              <a:rPr lang="en-US" sz="5000">
                <a:solidFill>
                  <a:srgbClr val="BEB3F9"/>
                </a:solidFill>
                <a:latin typeface="Tenorite"/>
              </a:rPr>
              <a:t>REFERENCES</a:t>
            </a:r>
            <a:endParaRPr lang="en-US"/>
          </a:p>
        </p:txBody>
      </p:sp>
    </p:spTree>
    <p:extLst>
      <p:ext uri="{BB962C8B-B14F-4D97-AF65-F5344CB8AC3E}">
        <p14:creationId xmlns:p14="http://schemas.microsoft.com/office/powerpoint/2010/main" val="215533041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DF1EDE-5423-435C-B149-87AB1BC22B83}"/>
              </a:ext>
            </a:extLst>
          </p:cNvPr>
          <p:cNvSpPr>
            <a:spLocks noGrp="1"/>
          </p:cNvSpPr>
          <p:nvPr>
            <p:ph type="ctrTitle"/>
          </p:nvPr>
        </p:nvSpPr>
        <p:spPr>
          <a:xfrm>
            <a:off x="4005729" y="3042618"/>
            <a:ext cx="4179570" cy="770206"/>
          </a:xfrm>
        </p:spPr>
        <p:txBody>
          <a:bodyPr/>
          <a:lstStyle/>
          <a:p>
            <a:pPr algn="ctr"/>
            <a:r>
              <a:rPr lang="en-US" sz="5000">
                <a:solidFill>
                  <a:srgbClr val="BEB3F9"/>
                </a:solidFill>
              </a:rPr>
              <a:t>THANK YOU</a:t>
            </a:r>
          </a:p>
        </p:txBody>
      </p:sp>
      <p:pic>
        <p:nvPicPr>
          <p:cNvPr id="3" name="Picture 2" descr="A white line art of a bottle and a pill&#10;&#10;Description automatically generated">
            <a:extLst>
              <a:ext uri="{FF2B5EF4-FFF2-40B4-BE49-F238E27FC236}">
                <a16:creationId xmlns:a16="http://schemas.microsoft.com/office/drawing/2014/main" id="{941370B5-B779-BDDB-03A3-068F8A9FFB28}"/>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4" name="TextBox 3">
            <a:extLst>
              <a:ext uri="{FF2B5EF4-FFF2-40B4-BE49-F238E27FC236}">
                <a16:creationId xmlns:a16="http://schemas.microsoft.com/office/drawing/2014/main" id="{C355095B-767E-D1CF-A5BE-A41A62591434}"/>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Tree>
    <p:extLst>
      <p:ext uri="{BB962C8B-B14F-4D97-AF65-F5344CB8AC3E}">
        <p14:creationId xmlns:p14="http://schemas.microsoft.com/office/powerpoint/2010/main" val="19697875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D74BC406-1584-A7F7-A390-93AAD90F20F3}"/>
              </a:ext>
            </a:extLst>
          </p:cNvPr>
          <p:cNvSpPr txBox="1">
            <a:spLocks/>
          </p:cNvSpPr>
          <p:nvPr/>
        </p:nvSpPr>
        <p:spPr>
          <a:xfrm>
            <a:off x="4142233" y="1109235"/>
            <a:ext cx="4098391" cy="56217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3600" kern="1200" cap="all" spc="150" baseline="0">
                <a:solidFill>
                  <a:schemeClr val="tx1"/>
                </a:solidFill>
                <a:latin typeface="+mj-lt"/>
                <a:ea typeface="+mj-ea"/>
                <a:cs typeface="+mj-cs"/>
              </a:defRPr>
            </a:lvl1pPr>
          </a:lstStyle>
          <a:p>
            <a:pPr algn="ctr"/>
            <a:r>
              <a:rPr lang="en-US" sz="4000">
                <a:solidFill>
                  <a:srgbClr val="0070C0"/>
                </a:solidFill>
              </a:rPr>
              <a:t>Team &amp; Roles</a:t>
            </a:r>
          </a:p>
        </p:txBody>
      </p:sp>
      <p:pic>
        <p:nvPicPr>
          <p:cNvPr id="4" name="Picture 2">
            <a:extLst>
              <a:ext uri="{FF2B5EF4-FFF2-40B4-BE49-F238E27FC236}">
                <a16:creationId xmlns:a16="http://schemas.microsoft.com/office/drawing/2014/main" id="{4974092B-9715-D4EF-FCB7-57725A0D660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4202" r="23857"/>
          <a:stretch/>
        </p:blipFill>
        <p:spPr bwMode="auto">
          <a:xfrm>
            <a:off x="771684" y="1716396"/>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C8D639C0-74B0-9357-1D5C-FAE821501A3C}"/>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4300" r="13168"/>
          <a:stretch/>
        </p:blipFill>
        <p:spPr bwMode="auto">
          <a:xfrm>
            <a:off x="2605167" y="1709653"/>
            <a:ext cx="1657351" cy="223837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a:extLst>
              <a:ext uri="{FF2B5EF4-FFF2-40B4-BE49-F238E27FC236}">
                <a16:creationId xmlns:a16="http://schemas.microsoft.com/office/drawing/2014/main" id="{73455802-D3BD-7191-59D2-E3F36CAB623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438651" y="1716396"/>
            <a:ext cx="1657349" cy="223837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0">
            <a:extLst>
              <a:ext uri="{FF2B5EF4-FFF2-40B4-BE49-F238E27FC236}">
                <a16:creationId xmlns:a16="http://schemas.microsoft.com/office/drawing/2014/main" id="{900FE89D-D1A6-FD2C-6F3D-9B0CC9BC723E}"/>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b="16370"/>
          <a:stretch/>
        </p:blipFill>
        <p:spPr bwMode="auto">
          <a:xfrm>
            <a:off x="8105615" y="1713913"/>
            <a:ext cx="1657350" cy="223837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2">
            <a:extLst>
              <a:ext uri="{FF2B5EF4-FFF2-40B4-BE49-F238E27FC236}">
                <a16:creationId xmlns:a16="http://schemas.microsoft.com/office/drawing/2014/main" id="{02E3C0FE-0711-D2EE-0386-8835C8598661}"/>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939096" y="1723137"/>
            <a:ext cx="1657350" cy="2238375"/>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C8D9FF96-0E08-02F5-01A7-1291E987476A}"/>
              </a:ext>
            </a:extLst>
          </p:cNvPr>
          <p:cNvSpPr txBox="1"/>
          <p:nvPr/>
        </p:nvSpPr>
        <p:spPr>
          <a:xfrm>
            <a:off x="768968" y="4669984"/>
            <a:ext cx="1662782" cy="1477328"/>
          </a:xfrm>
          <a:prstGeom prst="rect">
            <a:avLst/>
          </a:prstGeom>
          <a:noFill/>
        </p:spPr>
        <p:txBody>
          <a:bodyPr wrap="square" lIns="91440" tIns="45720" rIns="91440" bIns="45720" rtlCol="0" anchor="t">
            <a:spAutoFit/>
          </a:bodyPr>
          <a:lstStyle/>
          <a:p>
            <a:pPr marL="285750" indent="-285750">
              <a:buFont typeface="Arial"/>
              <a:buChar char="•"/>
            </a:pPr>
            <a:r>
              <a:rPr lang="en-US" sz="1500">
                <a:solidFill>
                  <a:srgbClr val="000000"/>
                </a:solidFill>
              </a:rPr>
              <a:t>Team Management</a:t>
            </a:r>
            <a:endParaRPr lang="en-US">
              <a:solidFill>
                <a:srgbClr val="000000"/>
              </a:solidFill>
            </a:endParaRPr>
          </a:p>
          <a:p>
            <a:pPr marL="285750" indent="-285750">
              <a:buFont typeface="Arial"/>
              <a:buChar char="•"/>
            </a:pPr>
            <a:r>
              <a:rPr lang="en-US" sz="1500">
                <a:solidFill>
                  <a:srgbClr val="000000"/>
                </a:solidFill>
              </a:rPr>
              <a:t>Power Supply</a:t>
            </a:r>
            <a:endParaRPr lang="en-US">
              <a:solidFill>
                <a:srgbClr val="000000"/>
              </a:solidFill>
            </a:endParaRPr>
          </a:p>
          <a:p>
            <a:pPr marL="285750" indent="-285750">
              <a:buFont typeface="Arial"/>
              <a:buChar char="•"/>
            </a:pPr>
            <a:r>
              <a:rPr lang="en-US" sz="1500">
                <a:solidFill>
                  <a:srgbClr val="000000"/>
                </a:solidFill>
              </a:rPr>
              <a:t>Touchscreen display</a:t>
            </a:r>
          </a:p>
          <a:p>
            <a:pPr marL="285750" indent="-285750">
              <a:buFont typeface="Arial"/>
              <a:buChar char="•"/>
            </a:pPr>
            <a:r>
              <a:rPr lang="en-US" sz="1500">
                <a:solidFill>
                  <a:srgbClr val="000000"/>
                </a:solidFill>
              </a:rPr>
              <a:t>Circuitry</a:t>
            </a:r>
          </a:p>
        </p:txBody>
      </p:sp>
      <p:sp>
        <p:nvSpPr>
          <p:cNvPr id="18" name="TextBox 17">
            <a:extLst>
              <a:ext uri="{FF2B5EF4-FFF2-40B4-BE49-F238E27FC236}">
                <a16:creationId xmlns:a16="http://schemas.microsoft.com/office/drawing/2014/main" id="{2EB73874-7BA0-6F9E-2EED-865DA325D8FD}"/>
              </a:ext>
            </a:extLst>
          </p:cNvPr>
          <p:cNvSpPr txBox="1"/>
          <p:nvPr/>
        </p:nvSpPr>
        <p:spPr>
          <a:xfrm>
            <a:off x="2523910" y="4701574"/>
            <a:ext cx="1826685" cy="1477328"/>
          </a:xfrm>
          <a:prstGeom prst="rect">
            <a:avLst/>
          </a:prstGeom>
          <a:noFill/>
        </p:spPr>
        <p:txBody>
          <a:bodyPr wrap="square" lIns="91440" tIns="45720" rIns="91440" bIns="45720" rtlCol="0" anchor="t">
            <a:spAutoFit/>
          </a:bodyPr>
          <a:lstStyle/>
          <a:p>
            <a:pPr marL="285750" indent="-285750">
              <a:buFont typeface="Arial"/>
              <a:buChar char="•"/>
            </a:pPr>
            <a:r>
              <a:rPr lang="en-US" sz="1500">
                <a:solidFill>
                  <a:srgbClr val="000000"/>
                </a:solidFill>
              </a:rPr>
              <a:t>Launchpad Implementation</a:t>
            </a:r>
            <a:endParaRPr lang="en-US"/>
          </a:p>
          <a:p>
            <a:pPr marL="285750" indent="-285750">
              <a:buFont typeface="Arial"/>
              <a:buChar char="•"/>
            </a:pPr>
            <a:r>
              <a:rPr lang="en-US" sz="1500">
                <a:solidFill>
                  <a:srgbClr val="000000"/>
                </a:solidFill>
              </a:rPr>
              <a:t>Motor Movement </a:t>
            </a:r>
            <a:endParaRPr lang="en-US" sz="1500"/>
          </a:p>
          <a:p>
            <a:pPr marL="285750" indent="-285750">
              <a:buFont typeface="Arial"/>
              <a:buChar char="•"/>
            </a:pPr>
            <a:r>
              <a:rPr lang="en-US" sz="1500">
                <a:solidFill>
                  <a:srgbClr val="000000"/>
                </a:solidFill>
              </a:rPr>
              <a:t>Motor Hardware Set Up</a:t>
            </a:r>
          </a:p>
        </p:txBody>
      </p:sp>
      <p:sp>
        <p:nvSpPr>
          <p:cNvPr id="20" name="TextBox 19">
            <a:extLst>
              <a:ext uri="{FF2B5EF4-FFF2-40B4-BE49-F238E27FC236}">
                <a16:creationId xmlns:a16="http://schemas.microsoft.com/office/drawing/2014/main" id="{1F2EA6C6-C3A5-4B73-C337-717A4A8A872B}"/>
              </a:ext>
            </a:extLst>
          </p:cNvPr>
          <p:cNvSpPr txBox="1"/>
          <p:nvPr/>
        </p:nvSpPr>
        <p:spPr>
          <a:xfrm>
            <a:off x="8106622" y="4699401"/>
            <a:ext cx="1660818" cy="1744565"/>
          </a:xfrm>
          <a:prstGeom prst="rect">
            <a:avLst/>
          </a:prstGeom>
          <a:noFill/>
        </p:spPr>
        <p:txBody>
          <a:bodyPr wrap="square" lIns="91440" tIns="45720" rIns="91440" bIns="45720" rtlCol="0" anchor="t">
            <a:spAutoFit/>
          </a:bodyPr>
          <a:lstStyle/>
          <a:p>
            <a:pPr marL="171450" indent="-171450">
              <a:buFont typeface="Arial"/>
              <a:buChar char="•"/>
            </a:pPr>
            <a:r>
              <a:rPr lang="en-US" sz="1500">
                <a:solidFill>
                  <a:srgbClr val="000000"/>
                </a:solidFill>
              </a:rPr>
              <a:t>User Interface</a:t>
            </a:r>
          </a:p>
          <a:p>
            <a:pPr marL="171450" indent="-171450">
              <a:buFont typeface="Arial" panose="020B0604020202020204" pitchFamily="34" charset="0"/>
              <a:buChar char="•"/>
            </a:pPr>
            <a:r>
              <a:rPr lang="en-US" sz="1500">
                <a:solidFill>
                  <a:srgbClr val="000000"/>
                </a:solidFill>
              </a:rPr>
              <a:t>Security Device Integration </a:t>
            </a:r>
          </a:p>
          <a:p>
            <a:pPr marL="171450" indent="-171450">
              <a:buFont typeface="Arial" panose="020B0604020202020204" pitchFamily="34" charset="0"/>
              <a:buChar char="•"/>
            </a:pPr>
            <a:r>
              <a:rPr lang="en-US" sz="1500">
                <a:solidFill>
                  <a:srgbClr val="000000"/>
                </a:solidFill>
              </a:rPr>
              <a:t>Log Management and Data Tracking</a:t>
            </a:r>
          </a:p>
        </p:txBody>
      </p:sp>
      <p:sp>
        <p:nvSpPr>
          <p:cNvPr id="22" name="TextBox 21">
            <a:extLst>
              <a:ext uri="{FF2B5EF4-FFF2-40B4-BE49-F238E27FC236}">
                <a16:creationId xmlns:a16="http://schemas.microsoft.com/office/drawing/2014/main" id="{49D3DF13-F686-7885-6DB4-428942FBF656}"/>
              </a:ext>
            </a:extLst>
          </p:cNvPr>
          <p:cNvSpPr txBox="1"/>
          <p:nvPr/>
        </p:nvSpPr>
        <p:spPr>
          <a:xfrm>
            <a:off x="9953509" y="4694105"/>
            <a:ext cx="1640346" cy="1725275"/>
          </a:xfrm>
          <a:prstGeom prst="rect">
            <a:avLst/>
          </a:prstGeom>
          <a:noFill/>
        </p:spPr>
        <p:txBody>
          <a:bodyPr wrap="square" lIns="91440" tIns="45720" rIns="91440" bIns="45720" rtlCol="0" anchor="t">
            <a:spAutoFit/>
          </a:bodyPr>
          <a:lstStyle/>
          <a:p>
            <a:pPr marL="285750" indent="-285750">
              <a:buFont typeface="Arial" panose="020B0604020202020204" pitchFamily="34" charset="0"/>
              <a:buChar char="•"/>
            </a:pPr>
            <a:r>
              <a:rPr lang="en-US" sz="1500">
                <a:solidFill>
                  <a:srgbClr val="000000"/>
                </a:solidFill>
              </a:rPr>
              <a:t>Pill Storage Design</a:t>
            </a:r>
            <a:endParaRPr lang="en-US">
              <a:solidFill>
                <a:srgbClr val="000000"/>
              </a:solidFill>
            </a:endParaRPr>
          </a:p>
          <a:p>
            <a:pPr marL="285750" indent="-285750">
              <a:buFont typeface="Arial" panose="020B0604020202020204" pitchFamily="34" charset="0"/>
              <a:buChar char="•"/>
            </a:pPr>
            <a:r>
              <a:rPr lang="en-US" sz="1500">
                <a:solidFill>
                  <a:srgbClr val="000000"/>
                </a:solidFill>
              </a:rPr>
              <a:t>Pill Dispense Concept</a:t>
            </a:r>
          </a:p>
          <a:p>
            <a:pPr marL="285750" indent="-285750">
              <a:buFont typeface="Arial" panose="020B0604020202020204" pitchFamily="34" charset="0"/>
              <a:buChar char="•"/>
            </a:pPr>
            <a:r>
              <a:rPr lang="en-US" sz="1500">
                <a:solidFill>
                  <a:srgbClr val="000000"/>
                </a:solidFill>
              </a:rPr>
              <a:t>Dispenser Sanitation</a:t>
            </a:r>
          </a:p>
          <a:p>
            <a:pPr marL="285750" indent="-285750">
              <a:buFont typeface="Arial" panose="020B0604020202020204" pitchFamily="34" charset="0"/>
              <a:buChar char="•"/>
            </a:pPr>
            <a:endParaRPr lang="en-US" sz="1500">
              <a:solidFill>
                <a:srgbClr val="000000"/>
              </a:solidFill>
            </a:endParaRPr>
          </a:p>
        </p:txBody>
      </p:sp>
      <p:sp>
        <p:nvSpPr>
          <p:cNvPr id="24" name="TextBox 23">
            <a:extLst>
              <a:ext uri="{FF2B5EF4-FFF2-40B4-BE49-F238E27FC236}">
                <a16:creationId xmlns:a16="http://schemas.microsoft.com/office/drawing/2014/main" id="{FBFA847B-2CA0-417A-D7E9-1369EAA2FB11}"/>
              </a:ext>
            </a:extLst>
          </p:cNvPr>
          <p:cNvSpPr txBox="1"/>
          <p:nvPr/>
        </p:nvSpPr>
        <p:spPr>
          <a:xfrm>
            <a:off x="4436105" y="4701574"/>
            <a:ext cx="1833356" cy="1477328"/>
          </a:xfrm>
          <a:prstGeom prst="rect">
            <a:avLst/>
          </a:prstGeom>
          <a:noFill/>
        </p:spPr>
        <p:txBody>
          <a:bodyPr wrap="square" lIns="91440" tIns="45720" rIns="91440" bIns="45720" rtlCol="0" anchor="t">
            <a:spAutoFit/>
          </a:bodyPr>
          <a:lstStyle/>
          <a:p>
            <a:pPr marL="285750" indent="-285750">
              <a:buFont typeface="Arial" panose="020B0604020202020204" pitchFamily="34" charset="0"/>
              <a:buChar char="•"/>
            </a:pPr>
            <a:r>
              <a:rPr lang="en-US" sz="1500">
                <a:solidFill>
                  <a:srgbClr val="000000"/>
                </a:solidFill>
              </a:rPr>
              <a:t>Object recognition </a:t>
            </a:r>
          </a:p>
          <a:p>
            <a:pPr marL="285750" indent="-285750">
              <a:buFont typeface="Arial" panose="020B0604020202020204" pitchFamily="34" charset="0"/>
              <a:buChar char="•"/>
            </a:pPr>
            <a:r>
              <a:rPr lang="en-US" sz="1500">
                <a:solidFill>
                  <a:srgbClr val="000000"/>
                </a:solidFill>
              </a:rPr>
              <a:t>Pill Sizing and Weight</a:t>
            </a:r>
          </a:p>
          <a:p>
            <a:pPr marL="285750" indent="-285750">
              <a:buFont typeface="Arial" panose="020B0604020202020204" pitchFamily="34" charset="0"/>
              <a:buChar char="•"/>
            </a:pPr>
            <a:r>
              <a:rPr lang="en-US" sz="1500"/>
              <a:t>Help with Motor   Implementation</a:t>
            </a:r>
          </a:p>
        </p:txBody>
      </p:sp>
      <p:sp>
        <p:nvSpPr>
          <p:cNvPr id="26" name="TextBox 25">
            <a:extLst>
              <a:ext uri="{FF2B5EF4-FFF2-40B4-BE49-F238E27FC236}">
                <a16:creationId xmlns:a16="http://schemas.microsoft.com/office/drawing/2014/main" id="{0331D31D-A805-C9DD-92EC-F2BF1F6E3275}"/>
              </a:ext>
            </a:extLst>
          </p:cNvPr>
          <p:cNvSpPr txBox="1"/>
          <p:nvPr/>
        </p:nvSpPr>
        <p:spPr>
          <a:xfrm>
            <a:off x="6266110" y="4698051"/>
            <a:ext cx="1679933" cy="1708160"/>
          </a:xfrm>
          <a:prstGeom prst="rect">
            <a:avLst/>
          </a:prstGeom>
          <a:noFill/>
        </p:spPr>
        <p:txBody>
          <a:bodyPr wrap="square" lIns="91440" tIns="45720" rIns="91440" bIns="45720" rtlCol="0" anchor="t">
            <a:spAutoFit/>
          </a:bodyPr>
          <a:lstStyle/>
          <a:p>
            <a:pPr>
              <a:buFont typeface="Arial,Sans-Serif"/>
              <a:buChar char="•"/>
            </a:pPr>
            <a:r>
              <a:rPr lang="en-US" sz="1500">
                <a:solidFill>
                  <a:srgbClr val="000000"/>
                </a:solidFill>
              </a:rPr>
              <a:t> GitHub Manager </a:t>
            </a:r>
            <a:endParaRPr lang="en-US">
              <a:solidFill>
                <a:srgbClr val="000000"/>
              </a:solidFill>
            </a:endParaRPr>
          </a:p>
          <a:p>
            <a:pPr>
              <a:buFont typeface="Arial,Sans-Serif"/>
              <a:buChar char="•"/>
            </a:pPr>
            <a:r>
              <a:rPr lang="en-US" sz="1500">
                <a:solidFill>
                  <a:srgbClr val="000000"/>
                </a:solidFill>
              </a:rPr>
              <a:t> Raspberry Pi Implementation</a:t>
            </a:r>
            <a:endParaRPr lang="en-US">
              <a:solidFill>
                <a:srgbClr val="000000"/>
              </a:solidFill>
            </a:endParaRPr>
          </a:p>
          <a:p>
            <a:pPr>
              <a:buFont typeface="Arial,Sans-Serif"/>
              <a:buChar char="•"/>
            </a:pPr>
            <a:r>
              <a:rPr lang="en-US" sz="1500">
                <a:solidFill>
                  <a:srgbClr val="000000"/>
                </a:solidFill>
              </a:rPr>
              <a:t> 3D Design and Build</a:t>
            </a:r>
          </a:p>
          <a:p>
            <a:pPr>
              <a:buFont typeface="Arial,Sans-Serif"/>
              <a:buChar char="•"/>
            </a:pPr>
            <a:r>
              <a:rPr lang="en-US" sz="1500">
                <a:solidFill>
                  <a:srgbClr val="000000"/>
                </a:solidFill>
              </a:rPr>
              <a:t> Space management</a:t>
            </a:r>
          </a:p>
        </p:txBody>
      </p:sp>
      <p:sp>
        <p:nvSpPr>
          <p:cNvPr id="28" name="TextBox 27">
            <a:extLst>
              <a:ext uri="{FF2B5EF4-FFF2-40B4-BE49-F238E27FC236}">
                <a16:creationId xmlns:a16="http://schemas.microsoft.com/office/drawing/2014/main" id="{1CAF1D78-F40C-A7A7-01C6-9E1ABBFE18F4}"/>
              </a:ext>
            </a:extLst>
          </p:cNvPr>
          <p:cNvSpPr txBox="1"/>
          <p:nvPr/>
        </p:nvSpPr>
        <p:spPr>
          <a:xfrm>
            <a:off x="868839" y="3962911"/>
            <a:ext cx="1463040" cy="707886"/>
          </a:xfrm>
          <a:prstGeom prst="rect">
            <a:avLst/>
          </a:prstGeom>
          <a:noFill/>
        </p:spPr>
        <p:txBody>
          <a:bodyPr wrap="square" rtlCol="0">
            <a:spAutoFit/>
          </a:bodyPr>
          <a:lstStyle/>
          <a:p>
            <a:pPr algn="ctr"/>
            <a:r>
              <a:rPr lang="en-US" sz="2000">
                <a:solidFill>
                  <a:srgbClr val="000000"/>
                </a:solidFill>
              </a:rPr>
              <a:t>Jonathan Cerniaz</a:t>
            </a:r>
          </a:p>
        </p:txBody>
      </p:sp>
      <p:sp>
        <p:nvSpPr>
          <p:cNvPr id="30" name="TextBox 29">
            <a:extLst>
              <a:ext uri="{FF2B5EF4-FFF2-40B4-BE49-F238E27FC236}">
                <a16:creationId xmlns:a16="http://schemas.microsoft.com/office/drawing/2014/main" id="{2DF704A5-D2FA-FCF4-51AB-00F6D87CA638}"/>
              </a:ext>
            </a:extLst>
          </p:cNvPr>
          <p:cNvSpPr txBox="1"/>
          <p:nvPr/>
        </p:nvSpPr>
        <p:spPr>
          <a:xfrm>
            <a:off x="2702327" y="3962912"/>
            <a:ext cx="1463040" cy="707886"/>
          </a:xfrm>
          <a:prstGeom prst="rect">
            <a:avLst/>
          </a:prstGeom>
          <a:noFill/>
        </p:spPr>
        <p:txBody>
          <a:bodyPr wrap="square" rtlCol="0">
            <a:spAutoFit/>
          </a:bodyPr>
          <a:lstStyle/>
          <a:p>
            <a:pPr algn="ctr"/>
            <a:r>
              <a:rPr lang="en-US" sz="2000">
                <a:solidFill>
                  <a:srgbClr val="000000"/>
                </a:solidFill>
              </a:rPr>
              <a:t>Jehmel</a:t>
            </a:r>
          </a:p>
          <a:p>
            <a:pPr algn="ctr"/>
            <a:r>
              <a:rPr lang="en-US" sz="2000">
                <a:solidFill>
                  <a:srgbClr val="000000"/>
                </a:solidFill>
              </a:rPr>
              <a:t>Espiritu</a:t>
            </a:r>
          </a:p>
        </p:txBody>
      </p:sp>
      <p:sp>
        <p:nvSpPr>
          <p:cNvPr id="32" name="TextBox 31">
            <a:extLst>
              <a:ext uri="{FF2B5EF4-FFF2-40B4-BE49-F238E27FC236}">
                <a16:creationId xmlns:a16="http://schemas.microsoft.com/office/drawing/2014/main" id="{5FAC84EE-54E3-A7EE-539C-F3227A667586}"/>
              </a:ext>
            </a:extLst>
          </p:cNvPr>
          <p:cNvSpPr txBox="1"/>
          <p:nvPr/>
        </p:nvSpPr>
        <p:spPr>
          <a:xfrm>
            <a:off x="4543279" y="3955440"/>
            <a:ext cx="1455570" cy="707886"/>
          </a:xfrm>
          <a:prstGeom prst="rect">
            <a:avLst/>
          </a:prstGeom>
          <a:noFill/>
        </p:spPr>
        <p:txBody>
          <a:bodyPr wrap="square" rtlCol="0">
            <a:spAutoFit/>
          </a:bodyPr>
          <a:lstStyle/>
          <a:p>
            <a:pPr algn="ctr"/>
            <a:r>
              <a:rPr lang="en-US" sz="2000">
                <a:solidFill>
                  <a:srgbClr val="000000"/>
                </a:solidFill>
              </a:rPr>
              <a:t>Jeremy Espiritu</a:t>
            </a:r>
          </a:p>
        </p:txBody>
      </p:sp>
      <p:sp>
        <p:nvSpPr>
          <p:cNvPr id="34" name="TextBox 33">
            <a:extLst>
              <a:ext uri="{FF2B5EF4-FFF2-40B4-BE49-F238E27FC236}">
                <a16:creationId xmlns:a16="http://schemas.microsoft.com/office/drawing/2014/main" id="{C2F06B38-C448-85B2-7B9C-61C87BB45189}"/>
              </a:ext>
            </a:extLst>
          </p:cNvPr>
          <p:cNvSpPr txBox="1"/>
          <p:nvPr/>
        </p:nvSpPr>
        <p:spPr>
          <a:xfrm>
            <a:off x="6369282" y="3962910"/>
            <a:ext cx="1463040" cy="707886"/>
          </a:xfrm>
          <a:prstGeom prst="rect">
            <a:avLst/>
          </a:prstGeom>
          <a:noFill/>
        </p:spPr>
        <p:txBody>
          <a:bodyPr wrap="square" rtlCol="0">
            <a:spAutoFit/>
          </a:bodyPr>
          <a:lstStyle/>
          <a:p>
            <a:pPr algn="ctr"/>
            <a:r>
              <a:rPr lang="en-US" sz="2000">
                <a:solidFill>
                  <a:srgbClr val="000000"/>
                </a:solidFill>
              </a:rPr>
              <a:t>Joseph Guzman</a:t>
            </a:r>
          </a:p>
        </p:txBody>
      </p:sp>
      <p:sp>
        <p:nvSpPr>
          <p:cNvPr id="36" name="TextBox 35">
            <a:extLst>
              <a:ext uri="{FF2B5EF4-FFF2-40B4-BE49-F238E27FC236}">
                <a16:creationId xmlns:a16="http://schemas.microsoft.com/office/drawing/2014/main" id="{940E3014-BC66-0461-A37A-EF183BD7EF1E}"/>
              </a:ext>
            </a:extLst>
          </p:cNvPr>
          <p:cNvSpPr txBox="1"/>
          <p:nvPr/>
        </p:nvSpPr>
        <p:spPr>
          <a:xfrm>
            <a:off x="8202770" y="3962914"/>
            <a:ext cx="1463040" cy="707886"/>
          </a:xfrm>
          <a:prstGeom prst="rect">
            <a:avLst/>
          </a:prstGeom>
          <a:noFill/>
        </p:spPr>
        <p:txBody>
          <a:bodyPr wrap="square" rtlCol="0">
            <a:spAutoFit/>
          </a:bodyPr>
          <a:lstStyle/>
          <a:p>
            <a:pPr algn="ctr"/>
            <a:r>
              <a:rPr lang="en-US" sz="2000">
                <a:solidFill>
                  <a:srgbClr val="000000"/>
                </a:solidFill>
              </a:rPr>
              <a:t>Afzal </a:t>
            </a:r>
          </a:p>
          <a:p>
            <a:pPr algn="ctr"/>
            <a:r>
              <a:rPr lang="en-US" sz="2000">
                <a:solidFill>
                  <a:srgbClr val="000000"/>
                </a:solidFill>
              </a:rPr>
              <a:t>Hakim</a:t>
            </a:r>
          </a:p>
        </p:txBody>
      </p:sp>
      <p:sp>
        <p:nvSpPr>
          <p:cNvPr id="38" name="TextBox 37">
            <a:extLst>
              <a:ext uri="{FF2B5EF4-FFF2-40B4-BE49-F238E27FC236}">
                <a16:creationId xmlns:a16="http://schemas.microsoft.com/office/drawing/2014/main" id="{DA1966F8-C7E6-FB30-E208-9455B64A4624}"/>
              </a:ext>
            </a:extLst>
          </p:cNvPr>
          <p:cNvSpPr txBox="1"/>
          <p:nvPr/>
        </p:nvSpPr>
        <p:spPr>
          <a:xfrm>
            <a:off x="10036251" y="3962914"/>
            <a:ext cx="1463040" cy="707886"/>
          </a:xfrm>
          <a:prstGeom prst="rect">
            <a:avLst/>
          </a:prstGeom>
          <a:noFill/>
        </p:spPr>
        <p:txBody>
          <a:bodyPr wrap="square" rtlCol="0">
            <a:spAutoFit/>
          </a:bodyPr>
          <a:lstStyle/>
          <a:p>
            <a:pPr algn="ctr"/>
            <a:r>
              <a:rPr lang="en-US" sz="2000">
                <a:solidFill>
                  <a:srgbClr val="000000"/>
                </a:solidFill>
              </a:rPr>
              <a:t>Lee Roger</a:t>
            </a:r>
          </a:p>
          <a:p>
            <a:pPr algn="ctr"/>
            <a:r>
              <a:rPr lang="en-US" sz="2000" b="0" i="0" u="none" strike="noStrike">
                <a:solidFill>
                  <a:srgbClr val="000000"/>
                </a:solidFill>
                <a:effectLst/>
              </a:rPr>
              <a:t>Ordinario</a:t>
            </a:r>
            <a:endParaRPr lang="en-US" sz="2000">
              <a:solidFill>
                <a:srgbClr val="000000"/>
              </a:solidFill>
            </a:endParaRPr>
          </a:p>
        </p:txBody>
      </p:sp>
      <p:pic>
        <p:nvPicPr>
          <p:cNvPr id="10" name="Picture 9" descr="A person smiling for a selfie&#10;&#10;Description automatically generated">
            <a:extLst>
              <a:ext uri="{FF2B5EF4-FFF2-40B4-BE49-F238E27FC236}">
                <a16:creationId xmlns:a16="http://schemas.microsoft.com/office/drawing/2014/main" id="{C13C0DE2-0103-CCBD-204D-CE64CBAD593F}"/>
              </a:ext>
            </a:extLst>
          </p:cNvPr>
          <p:cNvPicPr>
            <a:picLocks noChangeAspect="1"/>
          </p:cNvPicPr>
          <p:nvPr/>
        </p:nvPicPr>
        <p:blipFill>
          <a:blip r:embed="rId8"/>
          <a:srcRect l="-791" t="5917" r="-395" b="592"/>
          <a:stretch/>
        </p:blipFill>
        <p:spPr>
          <a:xfrm>
            <a:off x="6191429" y="1712521"/>
            <a:ext cx="1824543" cy="2247707"/>
          </a:xfrm>
          <a:prstGeom prst="rect">
            <a:avLst/>
          </a:prstGeom>
        </p:spPr>
      </p:pic>
    </p:spTree>
    <p:extLst>
      <p:ext uri="{BB962C8B-B14F-4D97-AF65-F5344CB8AC3E}">
        <p14:creationId xmlns:p14="http://schemas.microsoft.com/office/powerpoint/2010/main" val="201840007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extBox 16">
            <a:extLst>
              <a:ext uri="{FF2B5EF4-FFF2-40B4-BE49-F238E27FC236}">
                <a16:creationId xmlns:a16="http://schemas.microsoft.com/office/drawing/2014/main" id="{CFC74B6C-7320-55AD-4055-62A44465173B}"/>
              </a:ext>
            </a:extLst>
          </p:cNvPr>
          <p:cNvSpPr txBox="1"/>
          <p:nvPr/>
        </p:nvSpPr>
        <p:spPr>
          <a:xfrm>
            <a:off x="6315039" y="2194001"/>
            <a:ext cx="5108818"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4000">
                <a:solidFill>
                  <a:srgbClr val="BEB3F9"/>
                </a:solidFill>
              </a:rPr>
              <a:t>EXECUTIVE SUMMARY</a:t>
            </a:r>
            <a:endParaRPr lang="en-US">
              <a:solidFill>
                <a:srgbClr val="BEB3F9"/>
              </a:solidFill>
            </a:endParaRPr>
          </a:p>
        </p:txBody>
      </p:sp>
      <p:sp>
        <p:nvSpPr>
          <p:cNvPr id="19" name="TextBox 18">
            <a:extLst>
              <a:ext uri="{FF2B5EF4-FFF2-40B4-BE49-F238E27FC236}">
                <a16:creationId xmlns:a16="http://schemas.microsoft.com/office/drawing/2014/main" id="{6BFE5DD5-846D-0BA9-3FDB-115ACAB56339}"/>
              </a:ext>
            </a:extLst>
          </p:cNvPr>
          <p:cNvSpPr txBox="1"/>
          <p:nvPr/>
        </p:nvSpPr>
        <p:spPr>
          <a:xfrm>
            <a:off x="6590673" y="2901933"/>
            <a:ext cx="4542840" cy="39703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a:solidFill>
                  <a:srgbClr val="898989"/>
                </a:solidFill>
              </a:rPr>
              <a:t>Dr. Pill is an automatic pill dispenser that simplifies medication management. Our device aims to facilitate the process by freeing up more time for doctors and allowing patients to take their medication accurately by eliminating the common issue of medication errors and missed dosages. </a:t>
            </a:r>
          </a:p>
          <a:p>
            <a:pPr algn="ctr"/>
            <a:r>
              <a:rPr lang="en-US">
                <a:solidFill>
                  <a:srgbClr val="898989"/>
                </a:solidFill>
              </a:rPr>
              <a:t>Designated for pharmacies, nursing homes, personal households.</a:t>
            </a:r>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a:p>
            <a:pPr algn="ctr"/>
            <a:endParaRPr lang="en-US">
              <a:solidFill>
                <a:srgbClr val="898989"/>
              </a:solidFill>
            </a:endParaRPr>
          </a:p>
        </p:txBody>
      </p:sp>
      <p:pic>
        <p:nvPicPr>
          <p:cNvPr id="26" name="Picture 25" descr="A white line art of a bottle and a pill&#10;&#10;Description automatically generated">
            <a:extLst>
              <a:ext uri="{FF2B5EF4-FFF2-40B4-BE49-F238E27FC236}">
                <a16:creationId xmlns:a16="http://schemas.microsoft.com/office/drawing/2014/main" id="{BE3668F6-C602-5140-2B26-430FE17ACF8A}"/>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28" name="TextBox 27">
            <a:extLst>
              <a:ext uri="{FF2B5EF4-FFF2-40B4-BE49-F238E27FC236}">
                <a16:creationId xmlns:a16="http://schemas.microsoft.com/office/drawing/2014/main" id="{756A3313-780D-462F-01DC-14687EA3FF4A}"/>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Tree>
    <p:extLst>
      <p:ext uri="{BB962C8B-B14F-4D97-AF65-F5344CB8AC3E}">
        <p14:creationId xmlns:p14="http://schemas.microsoft.com/office/powerpoint/2010/main" val="22414591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297F09-7025-DF80-C5A1-FBFA2EE74DD2}"/>
              </a:ext>
            </a:extLst>
          </p:cNvPr>
          <p:cNvSpPr>
            <a:spLocks noGrp="1"/>
          </p:cNvSpPr>
          <p:nvPr>
            <p:ph type="title"/>
          </p:nvPr>
        </p:nvSpPr>
        <p:spPr>
          <a:xfrm>
            <a:off x="661297" y="825209"/>
            <a:ext cx="2796865" cy="550746"/>
          </a:xfrm>
        </p:spPr>
        <p:txBody>
          <a:bodyPr>
            <a:noAutofit/>
          </a:bodyPr>
          <a:lstStyle/>
          <a:p>
            <a:r>
              <a:rPr lang="en-US" sz="4000">
                <a:solidFill>
                  <a:schemeClr val="accent1">
                    <a:lumMod val="40000"/>
                    <a:lumOff val="60000"/>
                  </a:schemeClr>
                </a:solidFill>
                <a:latin typeface="Tenorite"/>
              </a:rPr>
              <a:t>FEATURES</a:t>
            </a:r>
            <a:endParaRPr lang="en-US"/>
          </a:p>
        </p:txBody>
      </p:sp>
      <p:sp>
        <p:nvSpPr>
          <p:cNvPr id="3" name="Content Placeholder 2">
            <a:extLst>
              <a:ext uri="{FF2B5EF4-FFF2-40B4-BE49-F238E27FC236}">
                <a16:creationId xmlns:a16="http://schemas.microsoft.com/office/drawing/2014/main" id="{92D3CC64-4176-3513-6CC1-441921739CF8}"/>
              </a:ext>
            </a:extLst>
          </p:cNvPr>
          <p:cNvSpPr>
            <a:spLocks noGrp="1"/>
          </p:cNvSpPr>
          <p:nvPr>
            <p:ph sz="half" idx="14"/>
          </p:nvPr>
        </p:nvSpPr>
        <p:spPr>
          <a:xfrm>
            <a:off x="660999" y="1487094"/>
            <a:ext cx="5222585" cy="4568404"/>
          </a:xfrm>
        </p:spPr>
        <p:txBody>
          <a:bodyPr vert="horz" lIns="91440" tIns="45720" rIns="91440" bIns="45720" rtlCol="0" anchor="t">
            <a:noAutofit/>
          </a:bodyPr>
          <a:lstStyle/>
          <a:p>
            <a:r>
              <a:rPr lang="en-US" sz="1200" b="1">
                <a:solidFill>
                  <a:schemeClr val="bg1">
                    <a:lumMod val="49000"/>
                    <a:lumOff val="51000"/>
                  </a:schemeClr>
                </a:solidFill>
                <a:latin typeface="Tenorite"/>
              </a:rPr>
              <a:t>Automated Dispensing</a:t>
            </a:r>
          </a:p>
          <a:p>
            <a:r>
              <a:rPr lang="en-US" sz="1200" b="0">
                <a:latin typeface="Tenorite"/>
                <a:ea typeface="+mn-lt"/>
                <a:cs typeface="+mn-lt"/>
              </a:rPr>
              <a:t>Say goodbye to missed doses and medication errors. Dr. Pill automatically dispenses your prescribed medications at the precise times, every time.</a:t>
            </a:r>
            <a:endParaRPr lang="en-US" sz="1200">
              <a:latin typeface="Tenorite"/>
            </a:endParaRPr>
          </a:p>
          <a:p>
            <a:r>
              <a:rPr lang="en-US" sz="1200" b="1">
                <a:solidFill>
                  <a:schemeClr val="bg1">
                    <a:lumMod val="49000"/>
                    <a:lumOff val="51000"/>
                  </a:schemeClr>
                </a:solidFill>
                <a:latin typeface="Tenorite"/>
              </a:rPr>
              <a:t>User-Friendly Interface</a:t>
            </a:r>
          </a:p>
          <a:p>
            <a:r>
              <a:rPr lang="en-US" sz="1200" b="0">
                <a:latin typeface="Tenorite"/>
                <a:ea typeface="+mn-lt"/>
                <a:cs typeface="+mn-lt"/>
              </a:rPr>
              <a:t>Designed for users of all ages and technical abilities, Dr. Pill's intuitive interface makes medication management a breeze.</a:t>
            </a:r>
            <a:endParaRPr lang="en-US" sz="1200">
              <a:latin typeface="Tenorite"/>
            </a:endParaRPr>
          </a:p>
          <a:p>
            <a:r>
              <a:rPr lang="en-US" sz="1200" b="1">
                <a:solidFill>
                  <a:schemeClr val="bg1">
                    <a:lumMod val="49000"/>
                    <a:lumOff val="51000"/>
                  </a:schemeClr>
                </a:solidFill>
                <a:latin typeface="Tenorite"/>
              </a:rPr>
              <a:t>Biometric Authentication</a:t>
            </a:r>
          </a:p>
          <a:p>
            <a:r>
              <a:rPr lang="en-US" sz="1200" b="0">
                <a:latin typeface="Tenorite"/>
                <a:ea typeface="+mn-lt"/>
                <a:cs typeface="+mn-lt"/>
              </a:rPr>
              <a:t>To ensure that medications are dispensed to the correct person, Dr. Pill offers facial recognition and fingerprint scanning capabilities.</a:t>
            </a:r>
            <a:endParaRPr lang="en-US" sz="1200">
              <a:latin typeface="Tenorite"/>
            </a:endParaRPr>
          </a:p>
          <a:p>
            <a:r>
              <a:rPr lang="en-US" sz="1200" b="1">
                <a:solidFill>
                  <a:schemeClr val="bg1">
                    <a:lumMod val="49000"/>
                    <a:lumOff val="51000"/>
                  </a:schemeClr>
                </a:solidFill>
                <a:latin typeface="Tenorite"/>
                <a:ea typeface="+mn-lt"/>
                <a:cs typeface="+mn-lt"/>
              </a:rPr>
              <a:t>Dedicated Pill Storage and Delivery</a:t>
            </a:r>
            <a:endParaRPr lang="en-US" sz="1200" b="1">
              <a:solidFill>
                <a:schemeClr val="bg1">
                  <a:lumMod val="49000"/>
                  <a:lumOff val="51000"/>
                </a:schemeClr>
              </a:solidFill>
              <a:latin typeface="Tenorite"/>
            </a:endParaRPr>
          </a:p>
          <a:p>
            <a:r>
              <a:rPr lang="en-US" sz="1200" b="0">
                <a:latin typeface="Tenorite"/>
                <a:ea typeface="+mn-lt"/>
                <a:cs typeface="+mn-lt"/>
              </a:rPr>
              <a:t>Dr. Pill features separate compartments for each type of medication, ensuring there is no cross-contamination between different pills.</a:t>
            </a:r>
            <a:endParaRPr lang="en-US" sz="1200">
              <a:latin typeface="Tenorite"/>
            </a:endParaRPr>
          </a:p>
          <a:p>
            <a:r>
              <a:rPr lang="en-US" sz="1200" b="1">
                <a:solidFill>
                  <a:schemeClr val="bg1">
                    <a:lumMod val="49000"/>
                    <a:lumOff val="51000"/>
                  </a:schemeClr>
                </a:solidFill>
                <a:latin typeface="Tenorite"/>
                <a:ea typeface="+mn-lt"/>
                <a:cs typeface="+mn-lt"/>
              </a:rPr>
              <a:t>Tracking Logs</a:t>
            </a:r>
            <a:endParaRPr lang="en-US" sz="1200" b="1">
              <a:solidFill>
                <a:schemeClr val="bg1">
                  <a:lumMod val="49000"/>
                  <a:lumOff val="51000"/>
                </a:schemeClr>
              </a:solidFill>
              <a:latin typeface="Tenorite"/>
            </a:endParaRPr>
          </a:p>
          <a:p>
            <a:r>
              <a:rPr lang="en-US" sz="1200" b="0">
                <a:latin typeface="Tenorite"/>
                <a:ea typeface="+mn-lt"/>
                <a:cs typeface="+mn-lt"/>
              </a:rPr>
              <a:t>Dr. Pill keeps detailed tracking logs of when medications are dispensed and consumed.</a:t>
            </a:r>
            <a:endParaRPr lang="en-US" sz="1200">
              <a:latin typeface="Tenorite"/>
            </a:endParaRPr>
          </a:p>
          <a:p>
            <a:endParaRPr lang="en-US"/>
          </a:p>
        </p:txBody>
      </p:sp>
      <p:pic>
        <p:nvPicPr>
          <p:cNvPr id="5" name="Picture 4" descr="Touch screen icon on white background. touch gesture sign. pointer on screen  symbol. flat style. 10751735 Vector Art at Vecteezy">
            <a:extLst>
              <a:ext uri="{FF2B5EF4-FFF2-40B4-BE49-F238E27FC236}">
                <a16:creationId xmlns:a16="http://schemas.microsoft.com/office/drawing/2014/main" id="{2A16A289-99EF-AC01-6874-F4E8534AA5B3}"/>
              </a:ext>
            </a:extLst>
          </p:cNvPr>
          <p:cNvPicPr>
            <a:picLocks noChangeAspect="1"/>
          </p:cNvPicPr>
          <p:nvPr/>
        </p:nvPicPr>
        <p:blipFill>
          <a:blip r:embed="rId2"/>
          <a:srcRect l="469" t="-2532" r="-939" b="11392"/>
          <a:stretch/>
        </p:blipFill>
        <p:spPr>
          <a:xfrm>
            <a:off x="7129232" y="4710829"/>
            <a:ext cx="2756036" cy="1854227"/>
          </a:xfrm>
          <a:prstGeom prst="rect">
            <a:avLst/>
          </a:prstGeom>
        </p:spPr>
      </p:pic>
      <p:pic>
        <p:nvPicPr>
          <p:cNvPr id="16" name="Picture 15" descr="A white line art of a bottle and a pill&#10;&#10;Description automatically generated">
            <a:extLst>
              <a:ext uri="{FF2B5EF4-FFF2-40B4-BE49-F238E27FC236}">
                <a16:creationId xmlns:a16="http://schemas.microsoft.com/office/drawing/2014/main" id="{5274CC8C-A105-F759-02EA-B5052396A7ED}"/>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18" name="TextBox 17">
            <a:extLst>
              <a:ext uri="{FF2B5EF4-FFF2-40B4-BE49-F238E27FC236}">
                <a16:creationId xmlns:a16="http://schemas.microsoft.com/office/drawing/2014/main" id="{CA1A5238-67F9-89F8-7D97-7902D83EBA05}"/>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22" name="Picture 21" descr="A set of icons with a fingerprint&#10;&#10;Description automatically generated">
            <a:extLst>
              <a:ext uri="{FF2B5EF4-FFF2-40B4-BE49-F238E27FC236}">
                <a16:creationId xmlns:a16="http://schemas.microsoft.com/office/drawing/2014/main" id="{275176CE-D354-F188-DDD5-38EEEDA32FD5}"/>
              </a:ext>
            </a:extLst>
          </p:cNvPr>
          <p:cNvPicPr>
            <a:picLocks noChangeAspect="1"/>
          </p:cNvPicPr>
          <p:nvPr/>
        </p:nvPicPr>
        <p:blipFill>
          <a:blip r:embed="rId4"/>
          <a:srcRect l="6874" t="8218" r="57428" b="58186"/>
          <a:stretch/>
        </p:blipFill>
        <p:spPr>
          <a:xfrm>
            <a:off x="7365893" y="2685971"/>
            <a:ext cx="2080972" cy="1958446"/>
          </a:xfrm>
          <a:prstGeom prst="rect">
            <a:avLst/>
          </a:prstGeom>
        </p:spPr>
      </p:pic>
      <p:pic>
        <p:nvPicPr>
          <p:cNvPr id="24" name="Picture 23" descr="A black and white image of a person&amp;#39;s face&#10;&#10;Description automatically generated">
            <a:extLst>
              <a:ext uri="{FF2B5EF4-FFF2-40B4-BE49-F238E27FC236}">
                <a16:creationId xmlns:a16="http://schemas.microsoft.com/office/drawing/2014/main" id="{976F3ED1-37B2-0158-B7DE-DB8B6D8AC4B7}"/>
              </a:ext>
            </a:extLst>
          </p:cNvPr>
          <p:cNvPicPr>
            <a:picLocks noChangeAspect="1"/>
          </p:cNvPicPr>
          <p:nvPr/>
        </p:nvPicPr>
        <p:blipFill>
          <a:blip r:embed="rId5"/>
          <a:srcRect l="4649" t="20356" r="52640" b="18082"/>
          <a:stretch/>
        </p:blipFill>
        <p:spPr>
          <a:xfrm>
            <a:off x="7559702" y="1000069"/>
            <a:ext cx="1877769" cy="1732254"/>
          </a:xfrm>
          <a:prstGeom prst="rect">
            <a:avLst/>
          </a:prstGeom>
        </p:spPr>
      </p:pic>
      <p:pic>
        <p:nvPicPr>
          <p:cNvPr id="25" name="Picture 24" descr="A black and white screen shot of a phone keypad&#10;&#10;Description automatically generated">
            <a:extLst>
              <a:ext uri="{FF2B5EF4-FFF2-40B4-BE49-F238E27FC236}">
                <a16:creationId xmlns:a16="http://schemas.microsoft.com/office/drawing/2014/main" id="{0EB10AF6-BE8A-FC0A-F698-D56E3E35B8C8}"/>
              </a:ext>
            </a:extLst>
          </p:cNvPr>
          <p:cNvPicPr>
            <a:picLocks noChangeAspect="1"/>
          </p:cNvPicPr>
          <p:nvPr/>
        </p:nvPicPr>
        <p:blipFill>
          <a:blip r:embed="rId6"/>
          <a:srcRect l="15183" t="202" r="16819" b="9321"/>
          <a:stretch/>
        </p:blipFill>
        <p:spPr>
          <a:xfrm>
            <a:off x="9621162" y="1377613"/>
            <a:ext cx="1683976" cy="2413030"/>
          </a:xfrm>
          <a:prstGeom prst="rect">
            <a:avLst/>
          </a:prstGeom>
        </p:spPr>
      </p:pic>
      <p:pic>
        <p:nvPicPr>
          <p:cNvPr id="26" name="Picture 25" descr="A white line drawing of a file&#10;&#10;Description automatically generated">
            <a:extLst>
              <a:ext uri="{FF2B5EF4-FFF2-40B4-BE49-F238E27FC236}">
                <a16:creationId xmlns:a16="http://schemas.microsoft.com/office/drawing/2014/main" id="{15BEE1CB-6D98-89D7-860E-D6F0DF3860CE}"/>
              </a:ext>
            </a:extLst>
          </p:cNvPr>
          <p:cNvPicPr>
            <a:picLocks noChangeAspect="1"/>
          </p:cNvPicPr>
          <p:nvPr/>
        </p:nvPicPr>
        <p:blipFill>
          <a:blip r:embed="rId7"/>
          <a:srcRect l="17576" t="8647" r="15758" b="8211"/>
          <a:stretch/>
        </p:blipFill>
        <p:spPr>
          <a:xfrm>
            <a:off x="10125962" y="3808515"/>
            <a:ext cx="1428753" cy="1781845"/>
          </a:xfrm>
          <a:prstGeom prst="rect">
            <a:avLst/>
          </a:prstGeom>
        </p:spPr>
      </p:pic>
    </p:spTree>
    <p:extLst>
      <p:ext uri="{BB962C8B-B14F-4D97-AF65-F5344CB8AC3E}">
        <p14:creationId xmlns:p14="http://schemas.microsoft.com/office/powerpoint/2010/main" val="28048792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white line art of a bottle and a pill&#10;&#10;Description automatically generated">
            <a:extLst>
              <a:ext uri="{FF2B5EF4-FFF2-40B4-BE49-F238E27FC236}">
                <a16:creationId xmlns:a16="http://schemas.microsoft.com/office/drawing/2014/main" id="{B9ED2FCA-390A-4BBC-31FB-EB7B45836722}"/>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7" name="Title 1">
            <a:extLst>
              <a:ext uri="{FF2B5EF4-FFF2-40B4-BE49-F238E27FC236}">
                <a16:creationId xmlns:a16="http://schemas.microsoft.com/office/drawing/2014/main" id="{42FD8667-2294-E177-44C9-CFBA75F1ADD2}"/>
              </a:ext>
            </a:extLst>
          </p:cNvPr>
          <p:cNvSpPr>
            <a:spLocks noGrp="1"/>
          </p:cNvSpPr>
          <p:nvPr>
            <p:ph type="title"/>
          </p:nvPr>
        </p:nvSpPr>
        <p:spPr>
          <a:xfrm>
            <a:off x="600842" y="596731"/>
            <a:ext cx="8226762" cy="550746"/>
          </a:xfrm>
        </p:spPr>
        <p:txBody>
          <a:bodyPr>
            <a:noAutofit/>
          </a:bodyPr>
          <a:lstStyle/>
          <a:p>
            <a:r>
              <a:rPr lang="en-US" sz="4000">
                <a:solidFill>
                  <a:schemeClr val="accent1">
                    <a:lumMod val="40000"/>
                    <a:lumOff val="60000"/>
                  </a:schemeClr>
                </a:solidFill>
                <a:latin typeface="Tenorite"/>
              </a:rPr>
              <a:t>BLOCK DIAGRAM (SIMPLIFIED)</a:t>
            </a:r>
            <a:endParaRPr lang="en-US">
              <a:solidFill>
                <a:schemeClr val="accent1">
                  <a:lumMod val="40000"/>
                  <a:lumOff val="60000"/>
                </a:schemeClr>
              </a:solidFill>
            </a:endParaRPr>
          </a:p>
        </p:txBody>
      </p:sp>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3" name="Picture 2" descr="A diagram of a software company&#10;&#10;Description automatically generated">
            <a:extLst>
              <a:ext uri="{FF2B5EF4-FFF2-40B4-BE49-F238E27FC236}">
                <a16:creationId xmlns:a16="http://schemas.microsoft.com/office/drawing/2014/main" id="{0B728737-4129-9ED0-C571-992D05B55D02}"/>
              </a:ext>
            </a:extLst>
          </p:cNvPr>
          <p:cNvPicPr>
            <a:picLocks noChangeAspect="1"/>
          </p:cNvPicPr>
          <p:nvPr/>
        </p:nvPicPr>
        <p:blipFill>
          <a:blip r:embed="rId4"/>
          <a:stretch>
            <a:fillRect/>
          </a:stretch>
        </p:blipFill>
        <p:spPr>
          <a:xfrm>
            <a:off x="3070510" y="1147477"/>
            <a:ext cx="6050980" cy="5024175"/>
          </a:xfrm>
          <a:prstGeom prst="rect">
            <a:avLst/>
          </a:prstGeom>
        </p:spPr>
      </p:pic>
    </p:spTree>
    <p:extLst>
      <p:ext uri="{BB962C8B-B14F-4D97-AF65-F5344CB8AC3E}">
        <p14:creationId xmlns:p14="http://schemas.microsoft.com/office/powerpoint/2010/main" val="16581646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white line art of a bottle and a pill&#10;&#10;Description automatically generated">
            <a:extLst>
              <a:ext uri="{FF2B5EF4-FFF2-40B4-BE49-F238E27FC236}">
                <a16:creationId xmlns:a16="http://schemas.microsoft.com/office/drawing/2014/main" id="{B9ED2FCA-390A-4BBC-31FB-EB7B45836722}"/>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4" name="Picture 3" descr="A diagram of a company&#10;&#10;Description automatically generated">
            <a:extLst>
              <a:ext uri="{FF2B5EF4-FFF2-40B4-BE49-F238E27FC236}">
                <a16:creationId xmlns:a16="http://schemas.microsoft.com/office/drawing/2014/main" id="{A8E5EA78-1680-5F20-DB17-9338FE6FA53F}"/>
              </a:ext>
            </a:extLst>
          </p:cNvPr>
          <p:cNvPicPr>
            <a:picLocks noChangeAspect="1"/>
          </p:cNvPicPr>
          <p:nvPr/>
        </p:nvPicPr>
        <p:blipFill>
          <a:blip r:embed="rId4"/>
          <a:stretch>
            <a:fillRect/>
          </a:stretch>
        </p:blipFill>
        <p:spPr>
          <a:xfrm>
            <a:off x="1525779" y="1147477"/>
            <a:ext cx="9140442" cy="5391580"/>
          </a:xfrm>
          <a:prstGeom prst="rect">
            <a:avLst/>
          </a:prstGeom>
        </p:spPr>
      </p:pic>
      <p:sp>
        <p:nvSpPr>
          <p:cNvPr id="12" name="Title 1">
            <a:extLst>
              <a:ext uri="{FF2B5EF4-FFF2-40B4-BE49-F238E27FC236}">
                <a16:creationId xmlns:a16="http://schemas.microsoft.com/office/drawing/2014/main" id="{82DBAB7B-2BB0-6148-F479-E4B09B58D5A9}"/>
              </a:ext>
            </a:extLst>
          </p:cNvPr>
          <p:cNvSpPr>
            <a:spLocks noGrp="1"/>
          </p:cNvSpPr>
          <p:nvPr>
            <p:ph type="title"/>
          </p:nvPr>
        </p:nvSpPr>
        <p:spPr>
          <a:xfrm>
            <a:off x="600842" y="596731"/>
            <a:ext cx="4488762" cy="550746"/>
          </a:xfrm>
        </p:spPr>
        <p:txBody>
          <a:bodyPr>
            <a:noAutofit/>
          </a:bodyPr>
          <a:lstStyle/>
          <a:p>
            <a:r>
              <a:rPr lang="en-US" sz="4000">
                <a:solidFill>
                  <a:schemeClr val="accent1">
                    <a:lumMod val="40000"/>
                    <a:lumOff val="60000"/>
                  </a:schemeClr>
                </a:solidFill>
                <a:latin typeface="Tenorite"/>
              </a:rPr>
              <a:t>STAFF DIAGRAM</a:t>
            </a:r>
            <a:endParaRPr lang="en-US">
              <a:solidFill>
                <a:schemeClr val="accent1">
                  <a:lumMod val="40000"/>
                  <a:lumOff val="60000"/>
                </a:schemeClr>
              </a:solidFill>
            </a:endParaRPr>
          </a:p>
        </p:txBody>
      </p:sp>
    </p:spTree>
    <p:extLst>
      <p:ext uri="{BB962C8B-B14F-4D97-AF65-F5344CB8AC3E}">
        <p14:creationId xmlns:p14="http://schemas.microsoft.com/office/powerpoint/2010/main" val="15125325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white line art of a bottle and a pill&#10;&#10;Description automatically generated">
            <a:extLst>
              <a:ext uri="{FF2B5EF4-FFF2-40B4-BE49-F238E27FC236}">
                <a16:creationId xmlns:a16="http://schemas.microsoft.com/office/drawing/2014/main" id="{B9ED2FCA-390A-4BBC-31FB-EB7B45836722}"/>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sp>
        <p:nvSpPr>
          <p:cNvPr id="20" name="TextBox 19">
            <a:extLst>
              <a:ext uri="{FF2B5EF4-FFF2-40B4-BE49-F238E27FC236}">
                <a16:creationId xmlns:a16="http://schemas.microsoft.com/office/drawing/2014/main" id="{8D9C8660-CEF0-0425-4537-1AE4D7B9F910}"/>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pic>
        <p:nvPicPr>
          <p:cNvPr id="3" name="Picture 2" descr="A diagram of a patient&#10;&#10;Description automatically generated">
            <a:extLst>
              <a:ext uri="{FF2B5EF4-FFF2-40B4-BE49-F238E27FC236}">
                <a16:creationId xmlns:a16="http://schemas.microsoft.com/office/drawing/2014/main" id="{15F53CFD-53FE-5DAB-BA74-68EEFA85FE46}"/>
              </a:ext>
            </a:extLst>
          </p:cNvPr>
          <p:cNvPicPr>
            <a:picLocks noChangeAspect="1"/>
          </p:cNvPicPr>
          <p:nvPr/>
        </p:nvPicPr>
        <p:blipFill>
          <a:blip r:embed="rId4"/>
          <a:stretch>
            <a:fillRect/>
          </a:stretch>
        </p:blipFill>
        <p:spPr>
          <a:xfrm>
            <a:off x="4280423" y="1056673"/>
            <a:ext cx="3632187" cy="5629190"/>
          </a:xfrm>
          <a:prstGeom prst="rect">
            <a:avLst/>
          </a:prstGeom>
        </p:spPr>
      </p:pic>
      <p:sp>
        <p:nvSpPr>
          <p:cNvPr id="5" name="Title 1">
            <a:extLst>
              <a:ext uri="{FF2B5EF4-FFF2-40B4-BE49-F238E27FC236}">
                <a16:creationId xmlns:a16="http://schemas.microsoft.com/office/drawing/2014/main" id="{1C422CF1-DF8C-FEB5-9210-DE60A987EBBD}"/>
              </a:ext>
            </a:extLst>
          </p:cNvPr>
          <p:cNvSpPr txBox="1">
            <a:spLocks/>
          </p:cNvSpPr>
          <p:nvPr/>
        </p:nvSpPr>
        <p:spPr>
          <a:xfrm>
            <a:off x="600842" y="596731"/>
            <a:ext cx="4955572" cy="550746"/>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b="1" kern="1200" spc="150" baseline="0" dirty="0">
                <a:solidFill>
                  <a:schemeClr val="tx1"/>
                </a:solidFill>
                <a:latin typeface="+mj-lt"/>
                <a:ea typeface="+mj-ea"/>
                <a:cs typeface="+mj-cs"/>
              </a:defRPr>
            </a:lvl1pPr>
          </a:lstStyle>
          <a:p>
            <a:r>
              <a:rPr lang="en-US" sz="4000">
                <a:solidFill>
                  <a:schemeClr val="accent1">
                    <a:lumMod val="40000"/>
                    <a:lumOff val="60000"/>
                  </a:schemeClr>
                </a:solidFill>
                <a:latin typeface="Tenorite"/>
              </a:rPr>
              <a:t>PATIENT DIAGRAM</a:t>
            </a:r>
            <a:endParaRPr lang="en-US">
              <a:solidFill>
                <a:schemeClr val="accent1">
                  <a:lumMod val="40000"/>
                  <a:lumOff val="60000"/>
                </a:schemeClr>
              </a:solidFill>
            </a:endParaRPr>
          </a:p>
        </p:txBody>
      </p:sp>
    </p:spTree>
    <p:extLst>
      <p:ext uri="{BB962C8B-B14F-4D97-AF65-F5344CB8AC3E}">
        <p14:creationId xmlns:p14="http://schemas.microsoft.com/office/powerpoint/2010/main" val="38290753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5" name="Picture 54" descr="A white line art of a bottle and a pill&#10;&#10;Description automatically generated">
            <a:extLst>
              <a:ext uri="{FF2B5EF4-FFF2-40B4-BE49-F238E27FC236}">
                <a16:creationId xmlns:a16="http://schemas.microsoft.com/office/drawing/2014/main" id="{173859BD-1F19-9B62-18EA-8EE275C05506}"/>
              </a:ext>
            </a:extLst>
          </p:cNvPr>
          <p:cNvPicPr>
            <a:picLocks noChangeAspect="1"/>
          </p:cNvPicPr>
          <p:nvPr/>
        </p:nvPicPr>
        <p:blipFill>
          <a:blip r:embed="rId3"/>
          <a:srcRect l="14554" t="17453" r="17499" b="17579"/>
          <a:stretch/>
        </p:blipFill>
        <p:spPr>
          <a:xfrm>
            <a:off x="10914299" y="5628485"/>
            <a:ext cx="1279589" cy="1231571"/>
          </a:xfrm>
          <a:prstGeom prst="rect">
            <a:avLst/>
          </a:prstGeom>
        </p:spPr>
      </p:pic>
      <p:pic>
        <p:nvPicPr>
          <p:cNvPr id="21" name="Content Placeholder 20" descr="A screenshot of a computer&#10;&#10;Description automatically generated">
            <a:extLst>
              <a:ext uri="{FF2B5EF4-FFF2-40B4-BE49-F238E27FC236}">
                <a16:creationId xmlns:a16="http://schemas.microsoft.com/office/drawing/2014/main" id="{AF969822-7844-15E6-A41C-6F3FFC0C555F}"/>
              </a:ext>
            </a:extLst>
          </p:cNvPr>
          <p:cNvPicPr>
            <a:picLocks noGrp="1" noChangeAspect="1"/>
          </p:cNvPicPr>
          <p:nvPr>
            <p:ph sz="half" idx="14"/>
          </p:nvPr>
        </p:nvPicPr>
        <p:blipFill>
          <a:blip r:embed="rId4"/>
          <a:srcRect l="1337" t="49640" r="16578" b="20032"/>
          <a:stretch/>
        </p:blipFill>
        <p:spPr>
          <a:xfrm>
            <a:off x="751159" y="1802197"/>
            <a:ext cx="3303110" cy="880405"/>
          </a:xfrm>
          <a:ln>
            <a:solidFill>
              <a:schemeClr val="bg1">
                <a:lumMod val="65000"/>
                <a:lumOff val="35000"/>
              </a:schemeClr>
            </a:solidFill>
          </a:ln>
        </p:spPr>
      </p:pic>
      <p:sp>
        <p:nvSpPr>
          <p:cNvPr id="22" name="Title 1">
            <a:extLst>
              <a:ext uri="{FF2B5EF4-FFF2-40B4-BE49-F238E27FC236}">
                <a16:creationId xmlns:a16="http://schemas.microsoft.com/office/drawing/2014/main" id="{88BF0B91-3772-3A17-7FA5-D8F243A4FCF6}"/>
              </a:ext>
            </a:extLst>
          </p:cNvPr>
          <p:cNvSpPr>
            <a:spLocks noGrp="1"/>
          </p:cNvSpPr>
          <p:nvPr>
            <p:ph type="title"/>
          </p:nvPr>
        </p:nvSpPr>
        <p:spPr>
          <a:xfrm>
            <a:off x="661297" y="825209"/>
            <a:ext cx="2435238" cy="550746"/>
          </a:xfrm>
        </p:spPr>
        <p:txBody>
          <a:bodyPr>
            <a:noAutofit/>
          </a:bodyPr>
          <a:lstStyle/>
          <a:p>
            <a:r>
              <a:rPr lang="en-US" sz="4000">
                <a:solidFill>
                  <a:schemeClr val="accent1">
                    <a:lumMod val="40000"/>
                    <a:lumOff val="60000"/>
                  </a:schemeClr>
                </a:solidFill>
                <a:latin typeface="Tenorite"/>
              </a:rPr>
              <a:t>DESIGN</a:t>
            </a:r>
            <a:endParaRPr lang="en-US"/>
          </a:p>
        </p:txBody>
      </p:sp>
      <p:pic>
        <p:nvPicPr>
          <p:cNvPr id="24" name="Picture 23" descr="A screenshot of a computer&#10;&#10;Description automatically generated">
            <a:extLst>
              <a:ext uri="{FF2B5EF4-FFF2-40B4-BE49-F238E27FC236}">
                <a16:creationId xmlns:a16="http://schemas.microsoft.com/office/drawing/2014/main" id="{8D85E70A-415F-FD9C-637A-EDFC515163D5}"/>
              </a:ext>
            </a:extLst>
          </p:cNvPr>
          <p:cNvPicPr>
            <a:picLocks noChangeAspect="1"/>
          </p:cNvPicPr>
          <p:nvPr/>
        </p:nvPicPr>
        <p:blipFill>
          <a:blip r:embed="rId5"/>
          <a:srcRect l="18339" t="25877" r="26298" b="9211"/>
          <a:stretch/>
        </p:blipFill>
        <p:spPr>
          <a:xfrm>
            <a:off x="4273822" y="1805473"/>
            <a:ext cx="2297428" cy="2125489"/>
          </a:xfrm>
          <a:prstGeom prst="rect">
            <a:avLst/>
          </a:prstGeom>
          <a:ln>
            <a:solidFill>
              <a:schemeClr val="bg1">
                <a:lumMod val="65000"/>
                <a:lumOff val="35000"/>
              </a:schemeClr>
            </a:solidFill>
          </a:ln>
        </p:spPr>
      </p:pic>
      <p:pic>
        <p:nvPicPr>
          <p:cNvPr id="25" name="Picture 24" descr="A grey rectangular object with a black background&#10;&#10;Description automatically generated">
            <a:extLst>
              <a:ext uri="{FF2B5EF4-FFF2-40B4-BE49-F238E27FC236}">
                <a16:creationId xmlns:a16="http://schemas.microsoft.com/office/drawing/2014/main" id="{5C19F9AC-54D4-64CF-F11C-0C89BE182FFB}"/>
              </a:ext>
            </a:extLst>
          </p:cNvPr>
          <p:cNvPicPr>
            <a:picLocks noChangeAspect="1"/>
          </p:cNvPicPr>
          <p:nvPr/>
        </p:nvPicPr>
        <p:blipFill>
          <a:blip r:embed="rId6"/>
          <a:stretch>
            <a:fillRect/>
          </a:stretch>
        </p:blipFill>
        <p:spPr>
          <a:xfrm>
            <a:off x="754065" y="3269656"/>
            <a:ext cx="2513161" cy="2158991"/>
          </a:xfrm>
          <a:prstGeom prst="rect">
            <a:avLst/>
          </a:prstGeom>
          <a:ln>
            <a:solidFill>
              <a:schemeClr val="bg1">
                <a:lumMod val="65000"/>
                <a:lumOff val="35000"/>
              </a:schemeClr>
            </a:solidFill>
          </a:ln>
        </p:spPr>
      </p:pic>
      <p:pic>
        <p:nvPicPr>
          <p:cNvPr id="26" name="Picture 25" descr="A screenshot of a computer&#10;&#10;Description automatically generated">
            <a:extLst>
              <a:ext uri="{FF2B5EF4-FFF2-40B4-BE49-F238E27FC236}">
                <a16:creationId xmlns:a16="http://schemas.microsoft.com/office/drawing/2014/main" id="{F370E4B4-F5F1-2968-CBF7-975E86DB5E1A}"/>
              </a:ext>
            </a:extLst>
          </p:cNvPr>
          <p:cNvPicPr>
            <a:picLocks noChangeAspect="1"/>
          </p:cNvPicPr>
          <p:nvPr/>
        </p:nvPicPr>
        <p:blipFill>
          <a:blip r:embed="rId7"/>
          <a:srcRect l="19895" t="23634" r="28272" b="22199"/>
          <a:stretch/>
        </p:blipFill>
        <p:spPr>
          <a:xfrm>
            <a:off x="4274663" y="4228932"/>
            <a:ext cx="1551269" cy="1200693"/>
          </a:xfrm>
          <a:prstGeom prst="rect">
            <a:avLst/>
          </a:prstGeom>
          <a:ln>
            <a:solidFill>
              <a:schemeClr val="bg1">
                <a:lumMod val="65000"/>
                <a:lumOff val="35000"/>
              </a:schemeClr>
            </a:solidFill>
          </a:ln>
        </p:spPr>
      </p:pic>
      <p:sp>
        <p:nvSpPr>
          <p:cNvPr id="28" name="TextBox 27">
            <a:extLst>
              <a:ext uri="{FF2B5EF4-FFF2-40B4-BE49-F238E27FC236}">
                <a16:creationId xmlns:a16="http://schemas.microsoft.com/office/drawing/2014/main" id="{FA5E9604-C169-60F7-D137-877848D4211C}"/>
              </a:ext>
            </a:extLst>
          </p:cNvPr>
          <p:cNvSpPr txBox="1"/>
          <p:nvPr/>
        </p:nvSpPr>
        <p:spPr>
          <a:xfrm>
            <a:off x="751763" y="1526184"/>
            <a:ext cx="1645920"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ts val="1000"/>
              </a:spcBef>
            </a:pPr>
            <a:r>
              <a:rPr lang="en-US" sz="1200" b="1">
                <a:solidFill>
                  <a:schemeClr val="bg1">
                    <a:lumMod val="49000"/>
                    <a:lumOff val="51000"/>
                  </a:schemeClr>
                </a:solidFill>
                <a:latin typeface="Tenorite"/>
              </a:rPr>
              <a:t>Dr. Pill Front Interface</a:t>
            </a:r>
          </a:p>
        </p:txBody>
      </p:sp>
      <p:sp>
        <p:nvSpPr>
          <p:cNvPr id="29" name="TextBox 28">
            <a:extLst>
              <a:ext uri="{FF2B5EF4-FFF2-40B4-BE49-F238E27FC236}">
                <a16:creationId xmlns:a16="http://schemas.microsoft.com/office/drawing/2014/main" id="{D2FAEE11-E882-FDB0-9643-B7CB2C963268}"/>
              </a:ext>
            </a:extLst>
          </p:cNvPr>
          <p:cNvSpPr txBox="1"/>
          <p:nvPr/>
        </p:nvSpPr>
        <p:spPr>
          <a:xfrm>
            <a:off x="737385" y="2992674"/>
            <a:ext cx="898297"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ts val="1000"/>
              </a:spcBef>
            </a:pPr>
            <a:r>
              <a:rPr lang="en-US" sz="1200" b="1">
                <a:solidFill>
                  <a:schemeClr val="bg1">
                    <a:lumMod val="49000"/>
                    <a:lumOff val="51000"/>
                  </a:schemeClr>
                </a:solidFill>
                <a:latin typeface="Tenorite"/>
              </a:rPr>
              <a:t>Top View</a:t>
            </a:r>
            <a:endParaRPr lang="en-US">
              <a:solidFill>
                <a:schemeClr val="bg1">
                  <a:lumMod val="49000"/>
                  <a:lumOff val="51000"/>
                </a:schemeClr>
              </a:solidFill>
            </a:endParaRPr>
          </a:p>
        </p:txBody>
      </p:sp>
      <p:sp>
        <p:nvSpPr>
          <p:cNvPr id="30" name="TextBox 29">
            <a:extLst>
              <a:ext uri="{FF2B5EF4-FFF2-40B4-BE49-F238E27FC236}">
                <a16:creationId xmlns:a16="http://schemas.microsoft.com/office/drawing/2014/main" id="{55257543-13BB-47FE-6805-4952A49BF8C4}"/>
              </a:ext>
            </a:extLst>
          </p:cNvPr>
          <p:cNvSpPr txBox="1"/>
          <p:nvPr/>
        </p:nvSpPr>
        <p:spPr>
          <a:xfrm>
            <a:off x="4274890" y="1521069"/>
            <a:ext cx="1804070"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ts val="1000"/>
              </a:spcBef>
            </a:pPr>
            <a:r>
              <a:rPr lang="en-US" sz="1200" b="1">
                <a:solidFill>
                  <a:schemeClr val="bg1">
                    <a:lumMod val="49000"/>
                    <a:lumOff val="51000"/>
                  </a:schemeClr>
                </a:solidFill>
                <a:latin typeface="Tenorite"/>
              </a:rPr>
              <a:t>Dispense Mechanism</a:t>
            </a:r>
          </a:p>
        </p:txBody>
      </p:sp>
      <p:sp>
        <p:nvSpPr>
          <p:cNvPr id="31" name="TextBox 30">
            <a:extLst>
              <a:ext uri="{FF2B5EF4-FFF2-40B4-BE49-F238E27FC236}">
                <a16:creationId xmlns:a16="http://schemas.microsoft.com/office/drawing/2014/main" id="{0237C684-C63F-C33E-AE51-545F95FE84DC}"/>
              </a:ext>
            </a:extLst>
          </p:cNvPr>
          <p:cNvSpPr txBox="1"/>
          <p:nvPr/>
        </p:nvSpPr>
        <p:spPr>
          <a:xfrm>
            <a:off x="4276270" y="3951586"/>
            <a:ext cx="898297"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ts val="1000"/>
              </a:spcBef>
            </a:pPr>
            <a:r>
              <a:rPr lang="en-US" sz="1200" b="1">
                <a:solidFill>
                  <a:schemeClr val="bg1">
                    <a:lumMod val="49000"/>
                    <a:lumOff val="51000"/>
                  </a:schemeClr>
                </a:solidFill>
                <a:latin typeface="Tenorite"/>
              </a:rPr>
              <a:t>Top View</a:t>
            </a:r>
            <a:endParaRPr lang="en-US">
              <a:solidFill>
                <a:schemeClr val="bg1">
                  <a:lumMod val="49000"/>
                  <a:lumOff val="51000"/>
                </a:schemeClr>
              </a:solidFill>
            </a:endParaRPr>
          </a:p>
        </p:txBody>
      </p:sp>
      <p:sp>
        <p:nvSpPr>
          <p:cNvPr id="33" name="Rectangle 32">
            <a:extLst>
              <a:ext uri="{FF2B5EF4-FFF2-40B4-BE49-F238E27FC236}">
                <a16:creationId xmlns:a16="http://schemas.microsoft.com/office/drawing/2014/main" id="{0670F5BD-90C4-B805-416D-24CE622B6566}"/>
              </a:ext>
            </a:extLst>
          </p:cNvPr>
          <p:cNvSpPr/>
          <p:nvPr/>
        </p:nvSpPr>
        <p:spPr>
          <a:xfrm>
            <a:off x="6797040" y="1786128"/>
            <a:ext cx="4700016" cy="3590544"/>
          </a:xfrm>
          <a:prstGeom prst="rect">
            <a:avLst/>
          </a:prstGeom>
          <a:solidFill>
            <a:schemeClr val="bg1"/>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rgbClr val="000000"/>
              </a:solidFill>
            </a:endParaRPr>
          </a:p>
        </p:txBody>
      </p:sp>
      <p:sp>
        <p:nvSpPr>
          <p:cNvPr id="34" name="TextBox 33">
            <a:extLst>
              <a:ext uri="{FF2B5EF4-FFF2-40B4-BE49-F238E27FC236}">
                <a16:creationId xmlns:a16="http://schemas.microsoft.com/office/drawing/2014/main" id="{B9B68A15-06D1-B828-E693-BC9AE6EBDF01}"/>
              </a:ext>
            </a:extLst>
          </p:cNvPr>
          <p:cNvSpPr txBox="1"/>
          <p:nvPr/>
        </p:nvSpPr>
        <p:spPr>
          <a:xfrm>
            <a:off x="6797039" y="1520086"/>
            <a:ext cx="1804070"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ts val="1000"/>
              </a:spcBef>
            </a:pPr>
            <a:r>
              <a:rPr lang="en-US" sz="1200" b="1">
                <a:solidFill>
                  <a:schemeClr val="bg1">
                    <a:lumMod val="49000"/>
                    <a:lumOff val="51000"/>
                  </a:schemeClr>
                </a:solidFill>
                <a:latin typeface="Tenorite"/>
              </a:rPr>
              <a:t>Blueprint Layout</a:t>
            </a:r>
            <a:endParaRPr lang="en-US"/>
          </a:p>
        </p:txBody>
      </p:sp>
      <p:sp>
        <p:nvSpPr>
          <p:cNvPr id="38" name="Rectangle 37">
            <a:extLst>
              <a:ext uri="{FF2B5EF4-FFF2-40B4-BE49-F238E27FC236}">
                <a16:creationId xmlns:a16="http://schemas.microsoft.com/office/drawing/2014/main" id="{D98F5D7A-087A-1010-8481-1E56AF158067}"/>
              </a:ext>
            </a:extLst>
          </p:cNvPr>
          <p:cNvSpPr/>
          <p:nvPr/>
        </p:nvSpPr>
        <p:spPr>
          <a:xfrm>
            <a:off x="10524806" y="4878845"/>
            <a:ext cx="951220" cy="485839"/>
          </a:xfrm>
          <a:prstGeom prst="rect">
            <a:avLst/>
          </a:prstGeom>
          <a:solidFill>
            <a:schemeClr val="tx2">
              <a:lumMod val="25000"/>
            </a:schemeClr>
          </a:solidFill>
          <a:ln>
            <a:solidFill>
              <a:schemeClr val="bg1">
                <a:lumMod val="75000"/>
                <a:lumOff val="2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Authenticator</a:t>
            </a:r>
          </a:p>
        </p:txBody>
      </p:sp>
      <p:sp>
        <p:nvSpPr>
          <p:cNvPr id="40" name="Rectangle 39">
            <a:extLst>
              <a:ext uri="{FF2B5EF4-FFF2-40B4-BE49-F238E27FC236}">
                <a16:creationId xmlns:a16="http://schemas.microsoft.com/office/drawing/2014/main" id="{1F97B21D-1629-0328-1960-C3D6474713BC}"/>
              </a:ext>
            </a:extLst>
          </p:cNvPr>
          <p:cNvSpPr/>
          <p:nvPr/>
        </p:nvSpPr>
        <p:spPr>
          <a:xfrm>
            <a:off x="10529918" y="4254926"/>
            <a:ext cx="946107" cy="618804"/>
          </a:xfrm>
          <a:prstGeom prst="rect">
            <a:avLst/>
          </a:prstGeom>
          <a:solidFill>
            <a:srgbClr val="260505"/>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Power Supply</a:t>
            </a:r>
          </a:p>
        </p:txBody>
      </p:sp>
      <p:sp>
        <p:nvSpPr>
          <p:cNvPr id="41" name="Rectangle 40">
            <a:extLst>
              <a:ext uri="{FF2B5EF4-FFF2-40B4-BE49-F238E27FC236}">
                <a16:creationId xmlns:a16="http://schemas.microsoft.com/office/drawing/2014/main" id="{38500619-1264-8274-0D13-AA448DE9AF76}"/>
              </a:ext>
            </a:extLst>
          </p:cNvPr>
          <p:cNvSpPr/>
          <p:nvPr/>
        </p:nvSpPr>
        <p:spPr>
          <a:xfrm>
            <a:off x="7732509" y="5001584"/>
            <a:ext cx="2776953" cy="357986"/>
          </a:xfrm>
          <a:prstGeom prst="rect">
            <a:avLst/>
          </a:prstGeom>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LCD Display</a:t>
            </a:r>
          </a:p>
        </p:txBody>
      </p:sp>
      <p:sp>
        <p:nvSpPr>
          <p:cNvPr id="45" name="Rectangle 44">
            <a:extLst>
              <a:ext uri="{FF2B5EF4-FFF2-40B4-BE49-F238E27FC236}">
                <a16:creationId xmlns:a16="http://schemas.microsoft.com/office/drawing/2014/main" id="{24E103C1-3A56-78A9-FA12-094524DA4E77}"/>
              </a:ext>
            </a:extLst>
          </p:cNvPr>
          <p:cNvSpPr/>
          <p:nvPr/>
        </p:nvSpPr>
        <p:spPr>
          <a:xfrm>
            <a:off x="6817087" y="1800161"/>
            <a:ext cx="4664052" cy="2439422"/>
          </a:xfrm>
          <a:prstGeom prst="rect">
            <a:avLst/>
          </a:prstGeom>
          <a:solidFill>
            <a:srgbClr val="703713"/>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Pill Storage and Operation</a:t>
            </a:r>
          </a:p>
        </p:txBody>
      </p:sp>
      <p:sp>
        <p:nvSpPr>
          <p:cNvPr id="46" name="Rectangle 45">
            <a:extLst>
              <a:ext uri="{FF2B5EF4-FFF2-40B4-BE49-F238E27FC236}">
                <a16:creationId xmlns:a16="http://schemas.microsoft.com/office/drawing/2014/main" id="{232E3B0C-ABF6-3E0B-0D0A-0DF7DA4754EB}"/>
              </a:ext>
            </a:extLst>
          </p:cNvPr>
          <p:cNvSpPr/>
          <p:nvPr/>
        </p:nvSpPr>
        <p:spPr>
          <a:xfrm>
            <a:off x="6817087" y="4254926"/>
            <a:ext cx="900080" cy="1104644"/>
          </a:xfrm>
          <a:prstGeom prst="rect">
            <a:avLst/>
          </a:prstGeom>
          <a:solidFill>
            <a:srgbClr val="002060"/>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Dispense Location</a:t>
            </a:r>
          </a:p>
        </p:txBody>
      </p:sp>
      <p:sp>
        <p:nvSpPr>
          <p:cNvPr id="47" name="Rectangle 46">
            <a:extLst>
              <a:ext uri="{FF2B5EF4-FFF2-40B4-BE49-F238E27FC236}">
                <a16:creationId xmlns:a16="http://schemas.microsoft.com/office/drawing/2014/main" id="{BEB5D8A8-F417-8F1E-0025-D2B05DF74117}"/>
              </a:ext>
            </a:extLst>
          </p:cNvPr>
          <p:cNvSpPr/>
          <p:nvPr/>
        </p:nvSpPr>
        <p:spPr>
          <a:xfrm>
            <a:off x="9711664" y="4254925"/>
            <a:ext cx="797798" cy="731315"/>
          </a:xfrm>
          <a:prstGeom prst="rect">
            <a:avLst/>
          </a:prstGeom>
          <a:solidFill>
            <a:schemeClr val="tx1">
              <a:lumMod val="75000"/>
            </a:schemeClr>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800"/>
              <a:t>Raspberry Pi</a:t>
            </a:r>
          </a:p>
        </p:txBody>
      </p:sp>
      <p:sp>
        <p:nvSpPr>
          <p:cNvPr id="49" name="Rectangle 48">
            <a:extLst>
              <a:ext uri="{FF2B5EF4-FFF2-40B4-BE49-F238E27FC236}">
                <a16:creationId xmlns:a16="http://schemas.microsoft.com/office/drawing/2014/main" id="{5D1E5836-1F9B-6167-BEF8-01CD49D6D02A}"/>
              </a:ext>
            </a:extLst>
          </p:cNvPr>
          <p:cNvSpPr/>
          <p:nvPr/>
        </p:nvSpPr>
        <p:spPr>
          <a:xfrm>
            <a:off x="8658160" y="4254924"/>
            <a:ext cx="1038160" cy="383557"/>
          </a:xfrm>
          <a:prstGeom prst="rect">
            <a:avLst/>
          </a:prstGeom>
          <a:solidFill>
            <a:schemeClr val="accent5">
              <a:lumMod val="50000"/>
            </a:schemeClr>
          </a:solidFill>
          <a:ln>
            <a:solidFill>
              <a:schemeClr val="bg1">
                <a:lumMod val="65000"/>
                <a:lumOff val="35000"/>
              </a:schemeClr>
            </a:solid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800">
                <a:ea typeface="+mn-lt"/>
                <a:cs typeface="+mn-lt"/>
              </a:rPr>
              <a:t>TM4C123GH6PM</a:t>
            </a:r>
            <a:endParaRPr lang="en-US" sz="800"/>
          </a:p>
        </p:txBody>
      </p:sp>
      <p:sp>
        <p:nvSpPr>
          <p:cNvPr id="53" name="TextBox 52">
            <a:extLst>
              <a:ext uri="{FF2B5EF4-FFF2-40B4-BE49-F238E27FC236}">
                <a16:creationId xmlns:a16="http://schemas.microsoft.com/office/drawing/2014/main" id="{4BF46A6B-FC83-7C31-3D6D-D9E152047FCB}"/>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FFFFFF"/>
                </a:solidFill>
                <a:latin typeface="Freestyle Script"/>
                <a:ea typeface="Calibri"/>
                <a:cs typeface="Calibri"/>
              </a:rPr>
              <a:t>Dr. Pill</a:t>
            </a:r>
            <a:endParaRPr lang="en-US">
              <a:solidFill>
                <a:srgbClr val="FFFFFF"/>
              </a:solidFill>
              <a:latin typeface="Freestyle Script"/>
            </a:endParaRPr>
          </a:p>
        </p:txBody>
      </p:sp>
    </p:spTree>
    <p:extLst>
      <p:ext uri="{BB962C8B-B14F-4D97-AF65-F5344CB8AC3E}">
        <p14:creationId xmlns:p14="http://schemas.microsoft.com/office/powerpoint/2010/main" val="63692980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descr="A black and white line art of a bottle and a pill&#10;&#10;Description automatically generated">
            <a:extLst>
              <a:ext uri="{FF2B5EF4-FFF2-40B4-BE49-F238E27FC236}">
                <a16:creationId xmlns:a16="http://schemas.microsoft.com/office/drawing/2014/main" id="{0FDA2103-1A93-157E-55FC-377167874947}"/>
              </a:ext>
            </a:extLst>
          </p:cNvPr>
          <p:cNvPicPr>
            <a:picLocks noChangeAspect="1"/>
          </p:cNvPicPr>
          <p:nvPr/>
        </p:nvPicPr>
        <p:blipFill>
          <a:blip r:embed="rId3"/>
          <a:srcRect l="12245" t="16176" r="17687" b="19853"/>
          <a:stretch/>
        </p:blipFill>
        <p:spPr>
          <a:xfrm>
            <a:off x="10848802" y="5609999"/>
            <a:ext cx="1361553" cy="1150052"/>
          </a:xfrm>
          <a:prstGeom prst="rect">
            <a:avLst/>
          </a:prstGeom>
        </p:spPr>
      </p:pic>
      <p:sp>
        <p:nvSpPr>
          <p:cNvPr id="8" name="TextBox 7">
            <a:extLst>
              <a:ext uri="{FF2B5EF4-FFF2-40B4-BE49-F238E27FC236}">
                <a16:creationId xmlns:a16="http://schemas.microsoft.com/office/drawing/2014/main" id="{393D7D32-E092-F449-62E3-0710ACDF5684}"/>
              </a:ext>
            </a:extLst>
          </p:cNvPr>
          <p:cNvSpPr txBox="1"/>
          <p:nvPr/>
        </p:nvSpPr>
        <p:spPr>
          <a:xfrm rot="-5400000">
            <a:off x="10910170" y="6115465"/>
            <a:ext cx="779318"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Freestyle Script"/>
                <a:ea typeface="Calibri"/>
                <a:cs typeface="Calibri"/>
              </a:rPr>
              <a:t>Dr. Pill</a:t>
            </a:r>
            <a:endParaRPr lang="en-US">
              <a:latin typeface="Freestyle Script"/>
            </a:endParaRPr>
          </a:p>
        </p:txBody>
      </p:sp>
      <p:sp>
        <p:nvSpPr>
          <p:cNvPr id="21" name="Title 1">
            <a:extLst>
              <a:ext uri="{FF2B5EF4-FFF2-40B4-BE49-F238E27FC236}">
                <a16:creationId xmlns:a16="http://schemas.microsoft.com/office/drawing/2014/main" id="{4B631317-8C73-1BA9-0885-5F53A3A3C6BA}"/>
              </a:ext>
            </a:extLst>
          </p:cNvPr>
          <p:cNvSpPr txBox="1">
            <a:spLocks/>
          </p:cNvSpPr>
          <p:nvPr/>
        </p:nvSpPr>
        <p:spPr>
          <a:xfrm>
            <a:off x="2456519" y="941447"/>
            <a:ext cx="6890998" cy="770305"/>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lang="en-US" sz="2800" kern="1200" cap="all" spc="150" baseline="0" dirty="0">
                <a:solidFill>
                  <a:schemeClr val="tx1"/>
                </a:solidFill>
                <a:latin typeface="+mj-lt"/>
                <a:ea typeface="+mj-ea"/>
                <a:cs typeface="+mj-cs"/>
              </a:defRPr>
            </a:lvl1pPr>
          </a:lstStyle>
          <a:p>
            <a:pPr algn="ctr"/>
            <a:r>
              <a:rPr lang="en-US" sz="5000">
                <a:solidFill>
                  <a:srgbClr val="0070C0"/>
                </a:solidFill>
                <a:latin typeface="Tenorite"/>
              </a:rPr>
              <a:t>Progress</a:t>
            </a:r>
            <a:endParaRPr lang="en-US" sz="5000" cap="none" spc="0"/>
          </a:p>
        </p:txBody>
      </p:sp>
      <p:sp>
        <p:nvSpPr>
          <p:cNvPr id="25" name="Content Placeholder 2">
            <a:extLst>
              <a:ext uri="{FF2B5EF4-FFF2-40B4-BE49-F238E27FC236}">
                <a16:creationId xmlns:a16="http://schemas.microsoft.com/office/drawing/2014/main" id="{CE1351E0-5F12-AB1B-CAC3-33CED8066EE7}"/>
              </a:ext>
            </a:extLst>
          </p:cNvPr>
          <p:cNvSpPr txBox="1">
            <a:spLocks/>
          </p:cNvSpPr>
          <p:nvPr/>
        </p:nvSpPr>
        <p:spPr>
          <a:xfrm>
            <a:off x="489549" y="2300754"/>
            <a:ext cx="5406950" cy="2979828"/>
          </a:xfrm>
          <a:prstGeom prst="rect">
            <a:avLst/>
          </a:prstGeom>
        </p:spPr>
        <p:txBody>
          <a:bodyPr vert="horz" lIns="91440" tIns="45720" rIns="91440" bIns="45720" rtlCol="0" anchor="t">
            <a:noAutofit/>
          </a:bodyPr>
          <a:lstStyle>
            <a:lvl1pPr marL="0" indent="0" algn="ctr" defTabSz="914400" rtl="0" eaLnBrk="1" latinLnBrk="0" hangingPunct="1">
              <a:lnSpc>
                <a:spcPct val="12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228600" algn="l" defTabSz="914400" rtl="0" eaLnBrk="1" latinLnBrk="0" hangingPunct="1">
              <a:lnSpc>
                <a:spcPct val="120000"/>
              </a:lnSpc>
              <a:spcBef>
                <a:spcPts val="500"/>
              </a:spcBef>
              <a:buFont typeface="Neue Haas Grotesk Text Pro" panose="020B0504020202020204" pitchFamily="34" charset="0"/>
              <a:buChar char="+"/>
              <a:defRPr sz="1600" kern="1200">
                <a:solidFill>
                  <a:schemeClr val="tx1"/>
                </a:solidFill>
                <a:latin typeface="+mn-lt"/>
                <a:ea typeface="+mn-ea"/>
                <a:cs typeface="+mn-cs"/>
              </a:defRPr>
            </a:lvl2pPr>
            <a:lvl3pPr marL="6858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3pPr>
            <a:lvl4pPr marL="868680" indent="-228600" algn="l" defTabSz="914400" rtl="0" eaLnBrk="1" latinLnBrk="0" hangingPunct="1">
              <a:lnSpc>
                <a:spcPct val="120000"/>
              </a:lnSpc>
              <a:spcBef>
                <a:spcPts val="500"/>
              </a:spcBef>
              <a:buFont typeface="Neue Haas Grotesk Text Pro" panose="020B0504020202020204" pitchFamily="34" charset="0"/>
              <a:buChar char="+"/>
              <a:defRPr sz="1200" kern="1200">
                <a:solidFill>
                  <a:schemeClr val="tx1"/>
                </a:solidFill>
                <a:latin typeface="+mn-lt"/>
                <a:ea typeface="+mn-ea"/>
                <a:cs typeface="+mn-cs"/>
              </a:defRPr>
            </a:lvl4pPr>
            <a:lvl5pPr marL="1097280" indent="-228600" algn="l" defTabSz="914400" rtl="0" eaLnBrk="1" latinLnBrk="0" hangingPunct="1">
              <a:lnSpc>
                <a:spcPct val="120000"/>
              </a:lnSpc>
              <a:spcBef>
                <a:spcPts val="500"/>
              </a:spcBef>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285750">
              <a:lnSpc>
                <a:spcPct val="100000"/>
              </a:lnSpc>
              <a:buFont typeface="Arial"/>
              <a:buChar char="•"/>
            </a:pPr>
            <a:endParaRPr lang="en-US" sz="1500">
              <a:solidFill>
                <a:schemeClr val="tx1">
                  <a:lumMod val="49000"/>
                  <a:lumOff val="51000"/>
                </a:schemeClr>
              </a:solidFill>
              <a:latin typeface="Tenorite"/>
            </a:endParaRPr>
          </a:p>
          <a:p>
            <a:pPr marL="285750" indent="-285750" algn="l">
              <a:lnSpc>
                <a:spcPct val="100000"/>
              </a:lnSpc>
              <a:buFont typeface="Arial"/>
              <a:buChar char="•"/>
            </a:pPr>
            <a:r>
              <a:rPr lang="en-US" sz="1500">
                <a:solidFill>
                  <a:schemeClr val="tx1">
                    <a:lumMod val="85000"/>
                    <a:lumOff val="15000"/>
                  </a:schemeClr>
                </a:solidFill>
                <a:latin typeface="Tenorite"/>
                <a:ea typeface="+mn-lt"/>
                <a:cs typeface="+mn-lt"/>
              </a:rPr>
              <a:t>Object recognition for identification of pills as well as the placement for the device</a:t>
            </a:r>
          </a:p>
          <a:p>
            <a:pPr marL="285750" indent="-285750" algn="l">
              <a:lnSpc>
                <a:spcPct val="100000"/>
              </a:lnSpc>
              <a:buFont typeface="Arial"/>
              <a:buChar char="•"/>
            </a:pPr>
            <a:r>
              <a:rPr lang="en-US" sz="1500">
                <a:solidFill>
                  <a:schemeClr val="tx1">
                    <a:lumMod val="85000"/>
                    <a:lumOff val="15000"/>
                  </a:schemeClr>
                </a:solidFill>
                <a:latin typeface="Tenorite"/>
                <a:ea typeface="+mn-lt"/>
                <a:cs typeface="+mn-lt"/>
              </a:rPr>
              <a:t>Circuit management and power consumption</a:t>
            </a:r>
          </a:p>
          <a:p>
            <a:pPr marL="285750" indent="-285750" algn="l">
              <a:lnSpc>
                <a:spcPct val="100000"/>
              </a:lnSpc>
              <a:buChar char="•"/>
            </a:pPr>
            <a:r>
              <a:rPr lang="en-US" sz="1500">
                <a:solidFill>
                  <a:schemeClr val="tx1">
                    <a:lumMod val="85000"/>
                    <a:lumOff val="15000"/>
                  </a:schemeClr>
                </a:solidFill>
                <a:latin typeface="Tenorite"/>
              </a:rPr>
              <a:t>Software development for our dispensing mechanism</a:t>
            </a:r>
          </a:p>
          <a:p>
            <a:pPr marL="285750" indent="-285750" algn="l">
              <a:lnSpc>
                <a:spcPct val="100000"/>
              </a:lnSpc>
              <a:buFont typeface="Arial" panose="020B0604020202020204" pitchFamily="34" charset="0"/>
              <a:buChar char="•"/>
            </a:pPr>
            <a:r>
              <a:rPr lang="en-US" sz="1500">
                <a:solidFill>
                  <a:schemeClr val="tx1">
                    <a:lumMod val="85000"/>
                    <a:lumOff val="15000"/>
                  </a:schemeClr>
                </a:solidFill>
                <a:latin typeface="Tenorite"/>
              </a:rPr>
              <a:t>Develop a user interface for patients and authorized personnel </a:t>
            </a:r>
          </a:p>
          <a:p>
            <a:pPr marL="285750" indent="-285750" algn="l">
              <a:lnSpc>
                <a:spcPct val="100000"/>
              </a:lnSpc>
              <a:buFont typeface="Arial" panose="020B0604020202020204" pitchFamily="34" charset="0"/>
              <a:buChar char="•"/>
            </a:pPr>
            <a:r>
              <a:rPr lang="en-US" sz="1500">
                <a:solidFill>
                  <a:schemeClr val="tx1">
                    <a:lumMod val="85000"/>
                    <a:lumOff val="15000"/>
                  </a:schemeClr>
                </a:solidFill>
                <a:latin typeface="Tenorite"/>
              </a:rPr>
              <a:t>Create a data tracker for pill history </a:t>
            </a:r>
          </a:p>
          <a:p>
            <a:pPr marL="285750" indent="-285750" algn="l">
              <a:lnSpc>
                <a:spcPct val="100000"/>
              </a:lnSpc>
              <a:buFont typeface="Arial" panose="020B0604020202020204" pitchFamily="34" charset="0"/>
              <a:buChar char="•"/>
            </a:pPr>
            <a:endParaRPr lang="en-US" sz="1500">
              <a:solidFill>
                <a:schemeClr val="tx1">
                  <a:lumMod val="85000"/>
                  <a:lumOff val="15000"/>
                </a:schemeClr>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pPr marL="285750" indent="-285750" algn="l">
              <a:lnSpc>
                <a:spcPct val="100000"/>
              </a:lnSpc>
              <a:buFont typeface="Arial"/>
              <a:buChar char="•"/>
            </a:pPr>
            <a:endParaRPr lang="en-US" sz="1500">
              <a:solidFill>
                <a:srgbClr val="262626"/>
              </a:solidFill>
              <a:latin typeface="Tenorite"/>
            </a:endParaRPr>
          </a:p>
          <a:p>
            <a:endParaRPr lang="en-US">
              <a:solidFill>
                <a:srgbClr val="000000"/>
              </a:solidFill>
              <a:latin typeface="Neue Haas Grotesk Text Pro"/>
            </a:endParaRPr>
          </a:p>
        </p:txBody>
      </p:sp>
      <p:sp>
        <p:nvSpPr>
          <p:cNvPr id="28" name="TextBox 27">
            <a:extLst>
              <a:ext uri="{FF2B5EF4-FFF2-40B4-BE49-F238E27FC236}">
                <a16:creationId xmlns:a16="http://schemas.microsoft.com/office/drawing/2014/main" id="{EBACC4F5-0E82-A71C-0ED3-E121E0993EF5}"/>
              </a:ext>
            </a:extLst>
          </p:cNvPr>
          <p:cNvSpPr txBox="1"/>
          <p:nvPr/>
        </p:nvSpPr>
        <p:spPr>
          <a:xfrm>
            <a:off x="1056069" y="2186983"/>
            <a:ext cx="4609030"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latin typeface="Tenorite"/>
              </a:rPr>
              <a:t>What was planned but not accomplished?</a:t>
            </a:r>
          </a:p>
        </p:txBody>
      </p:sp>
      <p:sp>
        <p:nvSpPr>
          <p:cNvPr id="29" name="TextBox 28">
            <a:extLst>
              <a:ext uri="{FF2B5EF4-FFF2-40B4-BE49-F238E27FC236}">
                <a16:creationId xmlns:a16="http://schemas.microsoft.com/office/drawing/2014/main" id="{A05D092C-FCC3-13A1-A3C0-F78E76168766}"/>
              </a:ext>
            </a:extLst>
          </p:cNvPr>
          <p:cNvSpPr txBox="1"/>
          <p:nvPr/>
        </p:nvSpPr>
        <p:spPr>
          <a:xfrm>
            <a:off x="6769801" y="2186982"/>
            <a:ext cx="4182344"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latin typeface="Tenorite"/>
              </a:rPr>
              <a:t>What was planned and accomplished?</a:t>
            </a:r>
            <a:endParaRPr lang="en-US"/>
          </a:p>
        </p:txBody>
      </p:sp>
      <p:sp>
        <p:nvSpPr>
          <p:cNvPr id="31" name="Content Placeholder 2">
            <a:extLst>
              <a:ext uri="{FF2B5EF4-FFF2-40B4-BE49-F238E27FC236}">
                <a16:creationId xmlns:a16="http://schemas.microsoft.com/office/drawing/2014/main" id="{DDF40877-7C86-6F12-4C8A-5F56CB5BB1C7}"/>
              </a:ext>
            </a:extLst>
          </p:cNvPr>
          <p:cNvSpPr txBox="1">
            <a:spLocks/>
          </p:cNvSpPr>
          <p:nvPr/>
        </p:nvSpPr>
        <p:spPr>
          <a:xfrm>
            <a:off x="6240388" y="2300753"/>
            <a:ext cx="5235500" cy="3548099"/>
          </a:xfrm>
          <a:prstGeom prst="rect">
            <a:avLst/>
          </a:prstGeom>
        </p:spPr>
        <p:txBody>
          <a:bodyPr vert="horz" lIns="91440" tIns="45720" rIns="91440" bIns="45720" rtlCol="0" anchor="t">
            <a:noAutofit/>
          </a:bodyPr>
          <a:lstStyle>
            <a:lvl1pPr marL="0" indent="0" algn="ctr" defTabSz="914400" rtl="0" eaLnBrk="1" latinLnBrk="0" hangingPunct="1">
              <a:lnSpc>
                <a:spcPct val="12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228600" algn="l" defTabSz="914400" rtl="0" eaLnBrk="1" latinLnBrk="0" hangingPunct="1">
              <a:lnSpc>
                <a:spcPct val="120000"/>
              </a:lnSpc>
              <a:spcBef>
                <a:spcPts val="500"/>
              </a:spcBef>
              <a:buFont typeface="Neue Haas Grotesk Text Pro" panose="020B0504020202020204" pitchFamily="34" charset="0"/>
              <a:buChar char="+"/>
              <a:defRPr sz="1600" kern="1200">
                <a:solidFill>
                  <a:schemeClr val="tx1"/>
                </a:solidFill>
                <a:latin typeface="+mn-lt"/>
                <a:ea typeface="+mn-ea"/>
                <a:cs typeface="+mn-cs"/>
              </a:defRPr>
            </a:lvl2pPr>
            <a:lvl3pPr marL="6858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3pPr>
            <a:lvl4pPr marL="868680" indent="-228600" algn="l" defTabSz="914400" rtl="0" eaLnBrk="1" latinLnBrk="0" hangingPunct="1">
              <a:lnSpc>
                <a:spcPct val="120000"/>
              </a:lnSpc>
              <a:spcBef>
                <a:spcPts val="500"/>
              </a:spcBef>
              <a:buFont typeface="Neue Haas Grotesk Text Pro" panose="020B0504020202020204" pitchFamily="34" charset="0"/>
              <a:buChar char="+"/>
              <a:defRPr sz="1200" kern="1200">
                <a:solidFill>
                  <a:schemeClr val="tx1"/>
                </a:solidFill>
                <a:latin typeface="+mn-lt"/>
                <a:ea typeface="+mn-ea"/>
                <a:cs typeface="+mn-cs"/>
              </a:defRPr>
            </a:lvl4pPr>
            <a:lvl5pPr marL="1097280" indent="-228600" algn="l" defTabSz="914400" rtl="0" eaLnBrk="1" latinLnBrk="0" hangingPunct="1">
              <a:lnSpc>
                <a:spcPct val="120000"/>
              </a:lnSpc>
              <a:spcBef>
                <a:spcPts val="500"/>
              </a:spcBef>
              <a:buFont typeface="Arial" panose="020B0604020202020204" pitchFamily="34" charset="0"/>
              <a:buChar char="•"/>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285750">
              <a:lnSpc>
                <a:spcPct val="100000"/>
              </a:lnSpc>
              <a:buFont typeface="Neue Haas Grotesk Text Pro"/>
              <a:buChar char="+"/>
            </a:pPr>
            <a:endParaRPr lang="en-US" sz="1500">
              <a:solidFill>
                <a:schemeClr val="tx1">
                  <a:lumMod val="49000"/>
                  <a:lumOff val="51000"/>
                </a:schemeClr>
              </a:solidFill>
              <a:latin typeface="Tenorite"/>
            </a:endParaRPr>
          </a:p>
          <a:p>
            <a:pPr marL="285750" indent="-285750" algn="l">
              <a:lnSpc>
                <a:spcPct val="100000"/>
              </a:lnSpc>
              <a:buFont typeface="Arial,Sans-Serif"/>
              <a:buChar char="•"/>
            </a:pPr>
            <a:r>
              <a:rPr lang="en-US" sz="1500">
                <a:solidFill>
                  <a:schemeClr val="tx1">
                    <a:lumMod val="85000"/>
                    <a:lumOff val="15000"/>
                  </a:schemeClr>
                </a:solidFill>
                <a:latin typeface="Tenorite"/>
              </a:rPr>
              <a:t>Researched 'generally recognized as safe' (GRAS) materials for pill storage and enclosure</a:t>
            </a:r>
          </a:p>
          <a:p>
            <a:pPr marL="285750" indent="-285750" algn="l">
              <a:lnSpc>
                <a:spcPct val="100000"/>
              </a:lnSpc>
              <a:buFont typeface="Arial,Sans-Serif"/>
              <a:buChar char="•"/>
            </a:pPr>
            <a:r>
              <a:rPr lang="en-US" sz="1500">
                <a:solidFill>
                  <a:schemeClr val="tx1">
                    <a:lumMod val="85000"/>
                    <a:lumOff val="15000"/>
                  </a:schemeClr>
                </a:solidFill>
                <a:latin typeface="Tenorite"/>
              </a:rPr>
              <a:t>Recognized safety issue for storing medication, considering crushed medication, cross-contamination, potency, and sizing</a:t>
            </a:r>
            <a:endParaRPr lang="en-US">
              <a:solidFill>
                <a:schemeClr val="tx1">
                  <a:lumMod val="85000"/>
                  <a:lumOff val="15000"/>
                </a:schemeClr>
              </a:solidFill>
            </a:endParaRPr>
          </a:p>
          <a:p>
            <a:pPr marL="285750" indent="-285750" algn="l">
              <a:lnSpc>
                <a:spcPct val="100000"/>
              </a:lnSpc>
              <a:buFont typeface="Arial,Sans-Serif"/>
              <a:buChar char="•"/>
            </a:pPr>
            <a:r>
              <a:rPr lang="en-US" sz="1500">
                <a:solidFill>
                  <a:schemeClr val="tx1">
                    <a:lumMod val="85000"/>
                    <a:lumOff val="15000"/>
                  </a:schemeClr>
                </a:solidFill>
                <a:latin typeface="Tenorite"/>
              </a:rPr>
              <a:t>Conducted research on the average daily medication intake for older adults and the elderly to tailor the product to their needs</a:t>
            </a:r>
          </a:p>
          <a:p>
            <a:pPr marL="285750" indent="-285750" algn="l">
              <a:lnSpc>
                <a:spcPct val="100000"/>
              </a:lnSpc>
              <a:buFont typeface="Arial,Sans-Serif"/>
              <a:buChar char="•"/>
            </a:pPr>
            <a:r>
              <a:rPr lang="en-US" sz="1500">
                <a:solidFill>
                  <a:schemeClr val="tx1">
                    <a:lumMod val="85000"/>
                    <a:lumOff val="15000"/>
                  </a:schemeClr>
                </a:solidFill>
                <a:latin typeface="Tenorite"/>
              </a:rPr>
              <a:t>Explored motor options, that will be utilized for our dispensing mechanism</a:t>
            </a:r>
          </a:p>
          <a:p>
            <a:pPr marL="285750" indent="-285750" algn="l">
              <a:lnSpc>
                <a:spcPct val="100000"/>
              </a:lnSpc>
              <a:buFont typeface="Arial,Sans-Serif"/>
              <a:buChar char="•"/>
            </a:pPr>
            <a:r>
              <a:rPr lang="en-US" sz="1500">
                <a:solidFill>
                  <a:schemeClr val="tx1">
                    <a:lumMod val="85000"/>
                    <a:lumOff val="15000"/>
                  </a:schemeClr>
                </a:solidFill>
                <a:latin typeface="Tenorite"/>
              </a:rPr>
              <a:t>Constructed a 3D print of our prototype design</a:t>
            </a:r>
          </a:p>
          <a:p>
            <a:endParaRPr lang="en-US"/>
          </a:p>
        </p:txBody>
      </p:sp>
    </p:spTree>
    <p:extLst>
      <p:ext uri="{BB962C8B-B14F-4D97-AF65-F5344CB8AC3E}">
        <p14:creationId xmlns:p14="http://schemas.microsoft.com/office/powerpoint/2010/main" val="289885560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NzQsIkciOjEwMiwiQiI6MTcyfX0sIkxpbmVXZWlnaHQiOjAuNzUsIkxpbmVUeXBlIjowLCJQYXJlbnRTdHlsZSI6bnVsbH0sIkVuZEFycm93aGVhZExpbmVTdHlsZSI6eyIkaWQiOiI4IiwiS2luZCI6MSwiV2lkdGgiOjAsIkxlbmd0aCI6MS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C4wLCJSaWdodCI6MC4wLCJCb3R0b20iOjAuMH0sIkJhY2tncm91bmQiOnsiJGlkIjoiMzAiLCJDb2xvciI6eyIkaWQiOiIzMSIsIkEiOjI1NSwiUiI6MTI4LCJHIjoxMjgsIkIiOjEyOH19LCJJc1Zpc2libGUiOnRydWUsIldpZHRoIjowLjAsIkhlaWdodCI6MjU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I1NSwiUiI6MCwiRyI6MCwiQiI6MH19LCJJc1Zpc2libGUiOnRydWUsIldpZHRoIjowLjAsIkhlaWdodCI6MC4wLCJCb3JkZXJTdHlsZSI6eyIkaWQiOiI3MyIsIkxpbmVDb2xvciI6bnVsbCwiTGluZVdlaWdodCI6MC4wLCJMaW5lVHlwZSI6MCwiUGFyZW50U3R5bGUiOm51bGx9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ywiU2hvd1NlZ21lbnRTZXBhcmF0b3JzIjp0cnVlLCJTZWdtZW50U2VwYXJhdG9yT3BhY2l0eSI6MzAsIkhhc0JlZW5WaXNpYmxlQmVmb3JlIjpmYWxzZSwiRm9udFNldHRpbmdzIjp7IiRpZCI6IjgwIiwiRm9udFNpemUiOjEyLCJGb250TmFtZSI6IkNhbGlicmkiLCJJc0JvbGQiOmZhbHNlLCJJc0l0YWxpYyI6ZmFsc2UsIklzVW5kZXJsaW5lZCI6ZmFsc2UsIlBhcmVudFN0eWxlIjpudWxsfSwiQXV0b1NpemUiOjAsIkZvcmVncm91bmQiOnsiJGlkIjoiODEiLCJDb2xvciI6eyIkaWQiOi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xLCJGb250TmFtZSI6IkNhbGlicmkiLCJJc0JvbGQiOnRydWUsIklzSXRhbGljIjpmYWxzZSwiSXNVbmRlcmxpbmVkIjpmYWxzZSwiUGFyZW50U3R5bGUiOm51bGx9LCJBdXRvU2l6ZSI6MCwiRm9yZWdyb3VuZCI6eyIkaWQiOiIxMjkiLCJDb2xvciI6eyIkaWQiOiIxMz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yNTUsIlIiOjAsIkciOjAsIkIiOjB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yNTUsIlIiOjM2LCJHIjo0MCwiQiI6ODJ9fSwiSXNWaXNpYmxlIjp0cnVlLCJXaWR0aCI6MC4wLCJIZWlnaHQiOjAuMCwiQm9yZGVyU3R5bGUiOnsiJGlkIjoiMTQ0IiwiTGluZUNvbG9yIjpudWxsLCJMaW5lV2VpZ2h0IjowLjAsIkxpbmVUeXBlIjowLCJQYXJlbnRTdHlsZSI6bnVsbH0sIlBhcmVudFN0eWxlIjpudWxsfSwiRGF0ZUZvcm1hdCI6eyIkaWQiOiIxND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pZCI6IjE2MyIsIkNvbG9yIjp7IiRpZCI6IjE2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AiLCJGb3JtYXQiOjAsIklzVmlzaWJsZSI6ZmFsc2UsIkxhc3RLbm93blZpc2liaWxpdHlTdGF0ZSI6ZmFsc2V9LCJJc1Zpc2libGUiOnRydWUsIlBhcmVudFN0eWxlIjpudWxsfSwiRGVmYXVsdFRhc2tTdHlsZSI6eyIkaWQiOiIxODEiLCJTaGFwZSI6MSwiU2hhcGVUaGlja25lc3MiOjAsIkR1cmF0aW9uRm9ybWF0IjowLCJJbmNsdWRlTm9uV29ya2luZ0RheXNJbkR1cmF0aW9uIjpmYWxzZSwiUGVyY2VudGFnZUNvbXBsZ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YiLCJUb3AiOjAuMCwiTGVmdCI6MC4wLCJSaWdodCI6MC4wLCJCb3R0b20iOjAuMH0sIlBhZGRpbmciOnsiJGlkIjoiMTg3IiwiVG9wIjowLjAsIkxlZnQiOjAuMCwiUmlnaHQiOjAuMCwiQm90dG9tIjowLjB9LCJCYWNrZ3JvdW5kIjp7IiRpZCI6IjE4OCIsIkNvbG9yIjp7IiRpZCI6IjE4OSIsIkEiOjg5LCJSIjowLCJHIjowLCJCIjowfX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pZCI6IjE5MyIsIkNvbG9yIjp7IiRpZCI6IjE5N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I1NSwiUiI6MzYsIkciOjQwLCJCIjo4Mn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1MSwiUiI6NzQsIkciOjEwMiwiQiI6MTcyfX0sIkxpbmVXZWlnaHQiOjEuMCwiTGluZVR5cGUiOjAsIlBhcmVudFN0eWxlIjpudWxsfSwiVmVydGljYWxDb25uZWN0b3JTdHlsZSI6eyIkaWQiOiIyMDMiLCJMaW5lQ29sb3IiOnsiJGlkIjoiMjA0IiwiJHR5cGUiOiJOTFJFLkNvbW1vbi5Eb20uU29saWRDb2xvckJydXNoLCBOTFJFLkNvbW1vbiIsIkNvbG9yIjp7IiRpZCI6IjIwNS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MjU1LCJSIjowLCJHIjowLCJCIjow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jU1LCJSIjozNiwiRyI6NDAsIkIiOjgyfX0sIklzVmlzaWJsZSI6dHJ1ZSwiV2lkdGgiOjAuMCwiSGVpZ2h0Ijow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dHJ1ZSwiUGFyZW50U3R5bGUiOm51bGwsIl9leHBsaWNpdGx5U2V0Ijp7IiRpZCI6IjIz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QmFja2dyb3VuZF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MwMyIsIlRvcCI6MC4wLCJMZWZ0IjowLjAsIlJpZ2h0IjowLjAsIkJvdHRvbSI6MC4wfSwiUGFkZGluZyI6eyIkaWQiOiIzMDQiLCJUb3AiOjAuMCwiTGVmdCI6MC4wLCJSaWdodCI6MC4wLCJCb3R0b20iOjAuMH0sIkJhY2tncm91bmQiOnsiJGlkIjoiMzA1IiwiQ29sb3IiOnsiJGlkIjoiMzA2IiwiQSI6MjU1LCJSIjozNiwiRyI6NDAsIkIiOjgyfX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GlkIjoiMzA5IiwiJHR5cGUiOiJOTFJFLkNvbW1vbi5Eb20uU29saWRDb2xvckJydXNoLCBOTFJFLkNvbW1vbiIsIkNvbG9yIjp7IiRpZCI6IjMxMCIsIkEiOjI1NSwiUiI6MCwiRyI6MCwiQiI6MH19LCJMaW5lV2VpZ2h0IjowLjAsIkxpbmVUeXBlIjowLCJQYXJlbnRTdHlsZSI6bnVsbH0sIlZlcnRpY2FsQ29ubmVjdG9yU3R5bGUiOnsiJGlkIjoiMzExIiwiTGluZUNvbG9yIjp7IiRpZCI6IjMxMiIsIiR0eXBlIjoiTkxSRS5Db21tb24uRG9tLlNvbGlkQ29sb3JCcnVzaCwgTkxSRS5Db21tb24iLCJDb2xvciI6eyIkaWQiOiIzMTM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yNiIsIlRvcCI6MC4wLCJMZWZ0IjowLjAsIlJpZ2h0IjowLjAsIkJvdHRvbSI6MC4wfSwiUGFkZGluZyI6eyIkaWQiOiIzMjciLCJUb3AiOjAuMCwiTGVmdCI6MC4wLCJSaWdodCI6MC4wLCJCb3R0b20iOjAuMH0sIkJhY2tncm91bmQiOnsiJGlkIjoiMzI4IiwiQ29sb3IiOnsiJGlkIjoiMzI5IiwiQSI6MjU1LCJSIjowLCJHIjowLCJCIjowfX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GlkIjoiMzM0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SIsIkZvcm1hdCI6MCwiSXNWaXNpYmxlIjpmYWxzZSwiTGFzdEtub3duVmlzaWJpbGl0eVN0YXRlIjpmYWxzZX0sIklzVmlzaWJsZSI6dHJ1ZSwiUGFyZW50U3R5bGUiOm51bGwsIl9leHBsaWNpdGx5U2V0Ijp7IiRpZCI6IjM0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MjU1LCJSIjowLCJHIjowLCJCIjow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GlkIjoiMzczIiwiQSI6MjU1LCJSIjozNiwiRyI6NDAsIkIiOjgyfX0sIklzVmlzaWJsZSI6dHJ1ZSwiV2lkdGgiOjAuMCwiSGVpZ2h0IjowLjAsIkJvcmRlclN0eWxlIjp7IiRpZCI6IjM3NCIsIkxpbmVDb2xvciI6bnVsbCwiTGluZVdlaWdodCI6MC4wLCJMaW5lVHlwZSI6MCwiUGFyZW50U3R5bGUiOm51bGx9LCJQYXJlbnRTdHlsZSI6bnVsbH0sIkRhdGVGb3JtYXQiOnsiJGlkIjoiM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zOTAiLCJUb3AiOjAuMCwiTGVmdCI6MC4wLCJSaWdodCI6MC4wLCJCb3R0b20iOjAuMH0sIlBhZGRpbmciOnsiJGlkIjoiMzkxIiwiVG9wIjowLjAsIkxlZnQiOjAuMCwiUmlnaHQiOjAuMCwiQm90dG9tIjowLjB9LCJCYWNrZ3JvdW5kIjp7IiRpZCI6IjM5MiIsIkNvbG9yIjp7IiRpZCI6IjM5MyIsIkEiOjI1NSwiUiI6MCwiRyI6MCwiQiI6MH1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I1NSwiUiI6MzYsIkciOjQwLCJCIjo4Mn19LCJJc1Zpc2libGUiOnRydWUsIldpZHRoIjowLjAsIkhlaWdodCI6MC4wLCJCb3JkZXJTdHlsZSI6eyIkaWQiOiI0MDMiLCJMaW5lQ29sb3IiOm51bGwsIkxpbmVXZWlnaHQiOjAuMCwiTGluZVR5cGUiOjAsIlBhcmVudFN0eWxlIjpudWxsfSwiUGFyZW50U3R5bGUiOm51bGx9LCJEYXRlRm9ybWF0Ijp7IiRpZCI6IjQ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iIsIlRvcCI6MC4wLCJMZWZ0IjowLjAsIlJpZ2h0IjowLjAsIkJvdHRvbSI6MC4wfSwiUGFkZGluZyI6eyIkaWQiOiI0MTMiLCJUb3AiOjAuMCwiTGVmdCI6MC4wLCJSaWdodCI6MC4wLCJCb3R0b20iOjAuMH0sIkJhY2tncm91bmQiOnsiJGlkIjoiNDE0IiwiQ29sb3IiOnsiJGlkIjoiNDE1IiwiQSI6MjU1LCJSIjowLCJHIjowLCJCIjowfX0sIklzVmlzaWJsZSI6dHJ1ZSwiV2lkdGgiOjAuMCwiSGVpZ2h0IjowLjAsIkJvcmRlclN0eWxlIjpudWxsLCJQYXJlbnRTdHlsZSI6bnVsbH0sIlJlY3RhbmdsZV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EyNywiUiI6MTcyLCJHIjoyMDMsIkIiOjI0OX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yMjksIkciOjIzMywiQiI6MjM4fX0sIklzVmlzaWJsZSI6dHJ1ZSwiV2lkdGgiOjAuMCwiSGVpZ2h0IjowLjAsIkJvcmRlclN0eWxlIjp7IiRpZCI6IjQzMSIsIkxpbmVDb2xvciI6eyIkaWQiOiI0MzIiLCIkdHlwZSI6Ik5MUkUuQ29tbW9uLkRvbS5Tb2xpZENvbG9yQnJ1c2gsIE5MUkUuQ29tbW9uIiwiQ29sb3IiOnsiJGlkIjoiNDMzIiwiQSI6MjU1LCJSIjoyMzQsIkciOjIyLCJCIjoz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yNTUsIlIiOjAsIkciOjAsIkIiOjB9fSwiSXNWaXNpYmxlIjp0cnVlLCJXaWR0aCI6MC4wLCJIZWlnaHQiOjAuMCwiQm9yZGVyU3R5bGUiOm51bGwsIlBhcmVudFN0eWxlIjpudWxsfSwiUmVjdGFuZ2xl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ODksIlIiOjAsIkciOjAsIkIiOjB9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CwiRyI6MCwiQiI6MH19LCJMaW5lV2VpZ2h0IjowLjAsIkxpbmVUeXBlIjowLCJQYXJlbnRTdHlsZSI6bnVsbH0sIlZlcnRpY2FsQ29ubmVjdG9yU3R5bGUiOnsiJGlkIjoiNDkwIiwiTGluZUNvbG9yIjp7IiRpZCI6IjQ5MSIsIiR0eXBlIjoiTkxSRS5Db21tb24uRG9tLlNvbGlkQ29sb3JCcnVzaCwgTkxSRS5Db21tb24iLCJDb2xvciI6eyIkaWQiOiI0OTI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jU1LCJSIjowLCJHIjowLCJCIjow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jU1LCJSIjozNiwiRyI6NDAsIkIiOjgy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UGFyZW50U3R5bGUiOm51bGwsIl9leHBsaWNpdGx5U2V0Ijp7IiRpZCI6IjUy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I1NSwiUiI6MzYsIkciOjQwLCJCIjo4Mn1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jU1LCJSIjozNiwiRyI6NDAsIkIiOjgyfX0sIklzVmlzaWJsZSI6dHJ1ZSwiV2lkdGgiOjAuMCwiSGVpZ2h0IjowLjAsIkJvcmRlclN0eWxlIjp7IiRpZCI6IjU4MiIsIkxpbmVDb2xvciI6bnVsbCwiTGluZVdlaWdodCI6MC4wLCJMaW5lVHlwZSI6MCwiUGFyZW50U3R5bGUiOm51bGx9LCJQYXJlbnRTdHlsZSI6bnVsbH0sIkRhdGVGb3JtYXQiOnsiJGlkIjoiN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aWQiOiI1OTMiLCJDb2xvciI6eyIkaWQiOiI1OTQiLCJBIjoyNTUsIlIiOjAsIkciOjAsIkIiOjB9fSwiSXNWaXNpYmxlIjp0cnVlLCJXaWR0aCI6MC4wLCJIZWlnaHQiOjAuMCwiQm9yZGVyU3R5bGUiOm51bGwsIlBhcmVudFN0eWxlIjpudWxsfSwiUmVjdGFuZ2x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MTI3LCJSIjoxNzIsIkciOjIwMywiQiI6MjQ5fX0sIklzVmlzaWJsZSI6dHJ1ZSwiV2lkdGgiOjAuMCwiSGVpZ2h0IjowLjAsIkJvcmRlclN0eWxlIjp7IiRpZCI6IjYwMCIsIkxpbmVDb2xvciI6eyIkaWQiOiI2MDEiLCIkdHlwZSI6Ik5MUkUuQ29tbW9uLkRvbS5Tb2xpZENvbG9yQnJ1c2gsIE5MUkUuQ29tbW9uIiwiQ29sb3IiOnsiJGlkIjoiNjAyIiwiQSI6MjU1LCJSIjoyNTUsIkciOjI1NSwiQiI6MjU1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QmFja2dyb3VuZF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yNTUsIlIiOjAsIkciOjAsIkIiOjB9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yNTUsIlIiOjM2LCJHIjo0MCwiQiI6ODJ9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5IiwiRm9ybWF0IjowLCJJc1Zpc2libGUiOmZhbHNlLCJMYXN0S25vd25WaXNpYmlsaXR5U3RhdGUiOmZhbHNlfSwiSXNWaXNpYmxlIjp0cnVlLCJQYXJlbnRTdHlsZSI6bnVsbCwiX2V4cGxpY2l0bHlTZXQiOnsiJGlkIjoiNz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jU1LCJSIjozNiwiRyI6NDAsIkIiOjgyfX0sIklzVmlzaWJsZSI6dHJ1ZSwiV2lkdGgiOjAuMCwiSGVpZ2h0IjowLjAsIkJvcmRlclN0eWxlIjp7IiRpZCI6IjczMiIsIkxpbmVDb2xvciI6bnVsbCwiTGluZVdlaWdodCI6MC4wLCJMaW5lVHlwZSI6MCwiUGFyZW50U3R5bGUiOm51bGx9LCJQYXJlbnRTdHlsZSI6bnVsbH0sIkRhdGVGb3JtYXQiOnsiJGlkIjoi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Q4IiwiVG9wIjowLjAsIkxlZnQiOjAuMCwiUmlnaHQiOjAuMCwiQm90dG9tIjowLjB9LCJQYWRkaW5nIjp7IiRpZCI6Ijc0OSIsIlRvcCI6MC4wLCJMZWZ0IjowLjAsIlJpZ2h0IjowLjAsIkJvdHRvbSI6MC4wfSwiQmFja2dyb3VuZCI6eyIkaWQiOiI3NTAiLCJDb2xvciI6eyIkaWQiOiI3NTEiLCJBIjoyNTUsIlIiOjAsIkciOjAsIkIiOjB9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MTAsIkZvbnROYW1lIjoiQ2FsaWJyaSIsIklzQm9sZCI6ZmFsc2UsIklzSXRhbGljIjpmYWxzZSwiSXNVbmRlcmxpbmVkIjpmYWxzZSwiUGFyZW50U3R5bGUiOm51bGx9LCJBdXRvU2l6ZSI6MCwiRm9yZWdyb3VuZCI6eyIkaWQiOiI3NTUiLCJDb2xvciI6eyIkaWQiOiI3NTY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aWQiOiI3NjAiLCJBIjoyNTUsIlIiOjM2LCJHIjo0MCwiQiI6ODJ9fSwiSXNWaXNpYmxlIjp0cnVlLCJXaWR0aCI6MC4wLCJIZWlnaHQiOjAuMCwiQm9yZGVyU3R5bGUiOnsiJGlkIjoiNzYxIiwiTGluZUNvbG9yIjpudWxsLCJMaW5lV2VpZ2h0IjowLjAsIkxpbmVUeXBlIjowLCJQYXJlbnRTdHlsZSI6bnVsbH0sIlBhcmVudFN0eWxlIjpudWxsfSwiRGF0ZUZvcm1hdCI6eyIkaWQiOiI3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4NzIiLCJUb3AiOjAuMCwiTGVmdCI6MC4wLCJSaWdodCI6MC4wLCJCb3R0b20iOjAuMH0sIlBhZGRpbmciOnsiJGlkIjoiODczIiwiVG9wIjowLjAsIkxlZnQiOjAuMCwiUmlnaHQiOjAuMCwiQm90dG9tIjowLjB9LCJCYWNrZ3JvdW5kIjp7IiRpZCI6Ijg3NCIsIkNvbG9yIjp7IiRpZCI6Ijg3NSIsIkEiOjI1NSwiUiI6MzYsIkciOjQwLCJCIjo4Mn19LCJJc1Zpc2libGUiOnRydW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LCJfZXhwbGljaXRseVNldCI6eyIkaWQiOiI4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nRydWUsIldpZHRoIjowLjAsIkhlaWdodCI6MC4wLCJCb3JkZXJTdHlsZSI6eyIkaWQiOiIxMDA2IiwiTGluZUNvbG9yIjpudWxsLCJMaW5lV2VpZ2h0IjowLjAsIkxpbmVUeXBlIjowLCJQYXJlbnRTdHlsZSI6bnVsbH0sIlBhcmVudFN0eWxlIjpudWxsfSwiRGF0ZVN0eWxlIjp7IiRpZCI6IjEwMDciLCJGb250U2V0dGluZ3MiOnsiJGlkIjoiMTAwOCIsIkZvbnRTaXplIjoxMCwiRm9udE5hbWUiOiJDYWxpYnJpIiwiSXNCb2xkIjpmYWxzZSwiSXNJdGFsaWMiOmZhbHNlLCJJc1VuZGVybGluZWQiOmZhbHNlLCJQYXJlbnRTdHlsZSI6bnVsbH0sIkF1dG9TaXplIjowLCJGb3JlZ3JvdW5kIjp7IiRpZCI6IjEwMDkiLCJDb2xvciI6eyIkaWQiOiIxMDEw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Gb3JtYXQiOnsiJGlkIjoiMTA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I1NSwiUiI6MjYsIkciOjE3MCwiQiI6NjZ9fSwiSXNWaXNpYmxlIjp0cnVlLCJXaWR0aCI6MTguMCwiSGVpZ2h0IjoyMC4wLCJCb3JkZXJTdHlsZSI6eyIkaWQiOiIxMDMyIiwiTGluZUNvbG9yIjp7IiRpZCI6IjEwMzMiLCIkdHlwZSI6Ik5MUkUuQ29tbW9uLkRvbS5Tb2xpZENvbG9yQnJ1c2gsIE5MUkUuQ29tbW9uIiwiQ29sb3IiOnsiJGlkIjoiMTAzNCIsIkEiOjI1NSwiUiI6MjM0LCJHIjoyMiwiQiI6MzB9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yNTUsIlIiOjAsIkciOjAsIkIiOjB9fSwiSXNWaXNpYmxlIjpmYWxzZSwiV2lkdGgiOjAuMCwiSGVpZ2h0IjowLjAsIkJvcmRlclN0eWxlIjp7IiRpZCI6IjEwNDMiLCJMaW5lQ29sb3IiOm51bGwsIkxpbmVXZWlnaHQiOjAuMCwiTGluZVR5cGUiOjAsIlBhcmVudFN0eWxlIjpudWxsfSwiUGFyZW50U3R5bGUiOm51bGx9LCJEYXRl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M2LCJHIjo0MCwiQiI6ODJ9fSwiTWF4V2lkdGgiOjIwMC4wLCJNYXhIZWlnaHQiOiJJbmZpbml0eSIsIlNtYXJ0Rm9yZWdyb3VuZElzQWN0aXZlIjpmYWxzZSwiSG9yaXpvbnRhbEFsaWdubWVudCI6MS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jU1LCJSIjozNiwiRyI6NDAsIkIiOjgyfX0sIklzVmlzaWJsZSI6ZmFsc2UsIldpZHRoIjowLjAsIkhlaWdodCI6MC4wLCJCb3JkZXJTdHlsZSI6eyIkaWQiOiIxMDUyIiwiTGluZUNvbG9yIjpudWxsLCJMaW5lV2VpZ2h0IjowLjAsIkxpbmVUeXBlIjowLCJQYXJlbnRTdHlsZSI6bnVsbH0sIlBhcmVudFN0eWxlIjpudWxsfSwiRGF0ZUZvcm1hdCI6eyIkaWQiOiIxMDUz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pZCI6IjEwNjYiLCJBIjo4OSwiUiI6MCwiRyI6MCwiQiI6MH1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MTAsIkZvbnROYW1lIjoiQ2FsaWJyaSIsIklzQm9sZCI6ZmFsc2UsIklzSXRhbGljIjpmYWxzZSwiSXNVbmRlcmxpbmVkIjpmYWxzZSwiUGFyZW50U3R5bGUiOm51bGx9LCJBdXRvU2l6ZSI6MCwiRm9yZWdyb3VuZCI6eyIkaWQiOiIxMDcwIiwiQ29sb3IiOnsiJGlkIjoiMTA3M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E5IiwiVG9wIjowLjAsIkxlZnQiOjAuMCwiUmlnaHQiOjAuMCwiQm90dG9tIjowLjB9LCJQYWRkaW5nIjp7IiRpZCI6IjExMjAiLCJUb3AiOjAuMCwiTGVmdCI6MC4wLCJSaWdodCI6MC4wLCJCb3R0b20iOjAuMH0sIkJhY2tncm91bmQiOnsiJGlkIjoiMTEyMSIsIkNvbG9yIjp7IiRpZCI6IjExMjIiLCJBIjo4OSwiUiI6MCwiRyI6MCwiQiI6MH1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Rm9ybWF0Ijp7IiRpZCI6IjE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eyIkaWQiOiIxMTc5IiwiTGluZUNvbG9yIjpudWxsLCJMaW5lV2VpZ2h0IjowLjAsIkxpbmVUeXBlIjowLCJQYXJlbnRTdHlsZSI6bnVsbH0sIlBhcmVudFN0eWxlIjpudWxsfSwiRHVyYXRpb25TdHlsZSI6eyIkaWQiOiIxMTgwIiwiRm9udFNldHRpbmdzIjp7IiRpZCI6IjExODEiLCJGb250U2l6ZSI6MTAsIkZvbnROYW1lIjoiQ2FsaWJyaSIsIklzQm9sZCI6ZmFsc2UsIklzSXRhbGljIjpmYWxzZSwiSXNVbmRlcmxpbmVkIjpmYWxzZSwiUGFyZW50U3R5bGUiOm51bGx9LCJBdXRvU2l6ZSI6MCwiRm9yZWdyb3VuZCI6eyIkaWQiOiIxMTgyIiwiQ29sb3IiOnsiJGlkIjoiMTE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GlkIjoiMTM3OCIsIkEiOjAsIlIiOjI1NSwiRyI6MjU1LCJCIjoyNTV9fSwiSXNWaXNpYmxlIjp0cnVlLCJXaWR0aCI6MC4wLCJIZWlnaHQiOjAuMCwiQm9yZGVyU3R5bGUiOnsiJGlkIjoiMTM3OSIsIkxpbmVDb2xvciI6bnVsbCwiTGluZVdlaWdodCI6MC4wLCJMaW5lVHlwZSI6MCwiUGFyZW50U3R5bGUiOm51bGx9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zYsIkciOjQwLCJCIjo4Mn19LCJNYXhXaWR0aCI6MjAwLjAsIk1heEhlaWdodCI6IkluZmluaXR5IiwiU21hcnRGb3JlZ3JvdW5kSXNBY3RpdmUiOmZhbHNlLCJIb3Jpem9udGFsQWxpZ25tZW50IjowLCJWZXJ0aWNhbEFsaWdubWVudCI6MS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Rm9ybWF0Ijp7IiRpZCI6IjE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5OCxcIkdcIjoxNTcsXCJCXCI6MjA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OTgsXCJHXCI6MTU3LFwiQlwiOjIw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I4LFwiR1wiOjEyOCxcIkJcIjoxMjh9fSxcIklzVmlzaWJsZVwiOnRydWUsXCJXaWR0aFwiOjg1OC4wLFwiSGVpZ2h0XCI6MjU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Q2LFwiR1wiOjE2MyxcIkJcIjoyMDV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zYsXCJHXCI6NDAsXCJCXCI6ODJ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2MyxcIkdcIjo3MSxcIkJcIjo4N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zNixcIkdcIjo0MCxcIkJcIjo4Mn19LFwiSG9yaXpvbnRhbEFsaWdubWVudFwiOjE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zLFwiR1wiOjcxLFwiQlwiOjg0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M2LFwiR1wiOjQwLFwiQlwiOjgyfX0sXCJIb3Jpem9udGFsQWxpZ25tZW50XCI6MS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IsXCJHXCI6MjAzLFwiQlwiOjI0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I5LFwiR1wiOjIzMyxcIkJcIjoyMzh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I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EyNyxcIlJcIjoxNzIsXCJHXCI6MjAzLFwiQlwiOjI0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jksXCJHXCI6MjMzLFwiQlwiOjIzO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1LFwiR1wiOjEwNyxcIkJcIjoxMj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M2LFwiR1wiOjQwLFwiQlwiOjgy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E0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zYsXCJHXCI6NDAsXCJCXCI6ODJ9fSxcIkhvcml6b250YWxBbGlnbm1lbnRcIjoyLFwiSXNWaXNpYmxlXCI6dHJ1ZX0sXCJNYXJnaW5cIjp7XCIkaWRcIjpcIjIwNlwiLFwiVG9wXCI6MC4wLFwiTGVmdFwiOjAuMCxcIlJpZ2h0XCI6MC4wLFwiQm90dG9tXCI6MC4wfSxcIlN0YXJ0RGF0ZVBvc2l0aW9uXCI6MixcIkVuZERhdGVQb3NpdGlvblwiOjIsXCJUaXRsZVBvc2l0aW9uXCI6NCxcIkR1cmF0aW9uUG9zaXRpb25cIjoz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NCxcIkdcIjoxMDIsXCJCXCI6MTcy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M2LFwiR1wiOjQwLFwiQlwiOjgy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0NixcIkdcIjoxNjMsXCJCXCI6MjA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zYsXCJHXCI6NDAsXCJCXCI6ODJ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AsXCJHXCI6MCxcIkJcIjow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cyLFwiR1wiOjIwMyxcIkJcIjoyNDl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yOSxcIkdcIjoyMzMsXCJCXCI6MjM4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y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xMjcsXCJSXCI6MTcyLFwiR1wiOjIwMyxcIkJcIjoyNDl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yOSxcIkdcIjoyMzMsXCJCXCI6MjM4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OTUsXCJHXCI6MTA3LFwiQlwiOjEyNn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zYsXCJHXCI6NDAsXCJCXCI6ODJ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TQ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zNixcIkdcIjo0MCxcIkJcIjo4Mn19LFwiSG9yaXpvbnRhbEFsaWdubWVudFwiOjIsXCJJc1Zpc2libGVcIjp0cnVlfSxcIk1hcmdpblwiOntcIiRpZFwiOlwiMzI3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c0LFwiR1wiOjEwMixcIkJcIjoxNzJ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zYsXCJHXCI6NDAsXCJCXCI6ODJ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2LFwiR1wiOjE2MyxcIkJcIjoyMDV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zYsXCJHXCI6NDAsXCJCXCI6ODJ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AsXCJHXCI6MCxcIkJcIjow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cyLFwiR1wiOjIwMyxcIkJcIjoyNDl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yOSxcIkdcIjoyMzMsXCJCXCI6MjM4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MTcyLFwiR1wiOjIwMyxcIkJcIjoyNDl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yOSxcIkdcIjoyMzMsXCJCXCI6MjM4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OTUsXCJHXCI6MTA3LFwiQlwiOjEy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zYsXCJHXCI6NDAsXCJCXCI6ODJ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TQ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zNixcIkdcIjo0MCxcIkJcIjo4Mn19LFwiSG9yaXpvbnRhbEFsaWdubWVudFwiOjIsXCJJc1Zpc2libGVcIjp0cnVlfSxcIk1hcmdpblwiOntcIiRpZFwiOlwiNDQ4XCIsXCJUb3BcIjowLjAsXCJMZWZ0XCI6MC4wLFwiUmlnaHRcIjowLjAsXCJCb3R0b21cIjowLjB9LFwiU3RhcnREYXRlUG9zaXRpb25cIjoyLFwiRW5kRGF0ZVBvc2l0aW9uXCI6MixcIlRpdGxlUG9zaXRpb25cIjo0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c0LFwiR1wiOjEwMixcIkJcIjoxNzJ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zYsXCJHXCI6NDAsXCJCXCI6ODJ9fSxcIkhvcml6b250YWxBbGlnbm1lbnRcIjox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Q2LFwiR1wiOjE2MyxcIkJcIjoyMDV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zYsXCJHXCI6NDAsXCJCXCI6ODJ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AsXCJHXCI6MCxcIkJcIjow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cyLFwiR1wiOjIwMyxcIkJcIjoyNDl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yOSxcIkdcIjoyMzMsXCJCXCI6MjM4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cyLFwiR1wiOjIwMyxcIkJcIjoyNDl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I5LFwiR1wiOjIzMyxcIkJcIjoyMzh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5NSxcIkdcIjoxMDcsXCJCXCI6MTI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zNixcIkdcIjo0MCxcIkJcIjo4M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xN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M2LFwiR1wiOjQwLFwiQlwiOjgyfX0sXCJIb3Jpem9udGFsQWxpZ25tZW50XCI6MixcIklzVmlzaWJsZVwiOnRydWV9LFwiTWFyZ2luXCI6e1wiJGlkXCI6XCI1NjlcIixcIlRvcFwiOjAuMCxcIkxlZnRcIjowLjAsXCJSaWdodFwiOjAuMCxcIkJvdHRvbVwiOjAuMH0sXCJTdGFydERhdGVQb3NpdGlvblwiOjIsXCJFbmREYXRlUG9zaXRpb25cIjoyLFwiVGl0bGVQb3NpdGlvblwiOjQsXCJEdXJhdGlvblBvc2l0aW9uXCI6My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QsXCJHXCI6MTAyLFwiQlwiOjE3Mn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zNixcIkdcIjo0MCxcIkJcIjo4Mn19LFwiSG9yaXpvbnRhbEFsaWdubWVudFwiOjE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NTIsXCJHXCI6MTY1LFwiQlwiOjE4Nn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M2LFwiR1wiOjQwLFwiQlwiOjgy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yNSxcIlJcIjozNixcIkdcIjo0MCxcIkJcIjo4Mn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NzQsXCJHXCI6MTAyLFwiQlwiOjE3Mn19LFwiTGluZVdlaWdodFwiOjAuNzUsXCJMaW5lVHlwZVwiOjB9LFwiRW5kQXJyb3doZWFkTGluZVN0eWxlXCI6e1wiJGlkXCI6XCI2MjJcIixcIktpbmRcIjoxLFwiV2lkdGhcIjowLFwiTGVuZ3RoXCI6MX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k3IiwiVXNlVGltZSI6ZmFsc2UsIldvcmtEYXlTdGFydCI6IjAwOjAwOjAwIiwiV29ya0RheUVuZCI6IjIzOjU5OjAwIn0sIkxhc3RVc2VkVGVtcGxhdGVJZCI6IjAwMDAwMDAwLTAwMDAtMDAwMC0wMDAwLTAwMDAwMDAwMDAwMCIsIkxhc3RVc2VkVGhlbWVEZXRhaWxzIjp7IiRpZCI6IjEzOTgiLCJJZCI6IjNlNDg1YWE0LTc0NjMtNGEwNy1hODIxLTY5NmNhZDIxOWQxMyIsIlRpdGxlIjoiUHJlY2lzaW9uIiwiQ2F0ZWdvcnkiOjF9LCJGaXJzdFdlZWtPZlllYXIiOjAsIlBsYWNlTWlsZXN0b25lQXRUaGVCZWdpbm5pbmdPZlRoZURheSI6ZmFsc2UsIkRlcGVuZGVuY3lTY2hlZHVsaW5nU2V0dGluZ3MiOnsiJGlkIjoiMTM5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8-26T23:59:00.0000000Z"/>
  <p:tag name="OTLENDDATE" val="2024-12-18T23:59:00.0000000Z"/>
  <p:tag name="OTLDURATIONFORMAT" val="day"/>
  <p:tag name="OTLSPACING" val="3"/>
  <p:tag name="OTLSHAPETHICKNESSTYPE" val="Thin"/>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3-01T23:59:00.0000000Z"/>
  <p:tag name="OTLDURATIONFORMAT" val="day"/>
  <p:tag name="OTLSPACING" val="3"/>
  <p:tag name="OTLSHAPETHICKNESSTYPE" val="Thin"/>
  <p:tag name="OTLSTARTDATE" val="2024-10-01T23:59:00.0000000Z"/>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0-07T23:59:00.0000000Z"/>
  <p:tag name="OTLENDDATE" val="2025-03-01T23:59:00.0000000Z"/>
  <p:tag name="OTLDURATIONFORMAT" val="day"/>
  <p:tag name="OTLSPACING" val="3"/>
  <p:tag name="OTLSHAPETHICKNESSTYPE" val="Thin"/>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5-09T23:59:00.0000000Z"/>
  <p:tag name="OTLDURATIONFORMAT" val="day"/>
  <p:tag name="OTLSPACING" val="3"/>
  <p:tag name="OTLSHAPETHICKNESSTYPE" val="Thin"/>
  <p:tag name="OTLSTARTDATE" val="2025-02-01T23:59:00.0000000Z"/>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4-10-07T23:59:00.0000000Z"/>
  <p:tag name="OTLSPACING" val="3"/>
  <p:tag name="OTLSHAPETHICKNESSTYPE" val="Thin"/>
  <p:tag name="OTLSTARTDATE" val="2024-09-23T23:59:00.0000000Z"/>
  <p:tag name="OTLDURATIONFORMAT" val="day"/>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09-01T23:59:00.0000000Z"/>
  <p:tag name="OTLENDDATE" val="2024-10-07T23:59:00.0000000Z"/>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oundedCornerRectangleTimeband"/>
  <p:tag name="OTLTIMEBANDSHAPEHEIGHT" val="25"/>
  <p:tag name="OTLTIMEBANDSHAPEPADDINGLEFT" val="0"/>
  <p:tag name="OTLTIMEBANDCULTUREINFO" val="en-US"/>
  <p:tag name="OTLTIMEBANDQUICKPOSITION" val="Custom"/>
  <p:tag name="OTLTIMEBANDTHREEDEFFECTS" val="None"/>
  <p:tag name="OTLTIMEBANDAUTODATERANGE" val="True"/>
  <p:tag name="OTLTIMEBANDSTARTDATE" val="0001-01-01T00:00: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TIMEBANDENDDATE" val="2025-10-03T23:59:00.0000000"/>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Prototype Design"/>
  <p:tag name="OTLDATE" val="2024-09-27T23:59:00.0000000"/>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tart Software"/>
  <p:tag name="OTLDATE" val="2024-10-07T23:59:00.0000000"/>
  <p:tag name="OTLPOSITIONONTASK" val="None"/>
  <p:tag name="OTLRELATEDTASKID" val="00000000-0000-0000-0000-000000000000"/>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TODAYPOSITION" val="Below"/>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ylanVTI">
  <a:themeElements>
    <a:clrScheme name="DylanVTI">
      <a:dk1>
        <a:sysClr val="windowText" lastClr="000000"/>
      </a:dk1>
      <a:lt1>
        <a:sysClr val="window" lastClr="FFFFFF"/>
      </a:lt1>
      <a:dk2>
        <a:srgbClr val="1A1A33"/>
      </a:dk2>
      <a:lt2>
        <a:srgbClr val="EEFFE3"/>
      </a:lt2>
      <a:accent1>
        <a:srgbClr val="5C40EF"/>
      </a:accent1>
      <a:accent2>
        <a:srgbClr val="B8A0F8"/>
      </a:accent2>
      <a:accent3>
        <a:srgbClr val="00C777"/>
      </a:accent3>
      <a:accent4>
        <a:srgbClr val="005A66"/>
      </a:accent4>
      <a:accent5>
        <a:srgbClr val="9956EA"/>
      </a:accent5>
      <a:accent6>
        <a:srgbClr val="9BBB25"/>
      </a:accent6>
      <a:hlink>
        <a:srgbClr val="674CF0"/>
      </a:hlink>
      <a:folHlink>
        <a:srgbClr val="B53699"/>
      </a:folHlink>
    </a:clrScheme>
    <a:fontScheme name="DylanVTI">
      <a:majorFont>
        <a:latin typeface="Neue Haas Grotesk Text Pro"/>
        <a:ea typeface=""/>
        <a:cs typeface=""/>
      </a:majorFont>
      <a:minorFont>
        <a:latin typeface="Neue Haas Grotesk Text Pro"/>
        <a:ea typeface=""/>
        <a:cs typeface=""/>
      </a:minorFont>
    </a:fontScheme>
    <a:fmtScheme name="DylanVTI">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DylanVTI" id="{CD0E21EA-FD0B-4FCD-9D95-B274E3CB7535}" vid="{F2F2D961-94DA-46D9-ABD7-77D6D5FB2C2D}"/>
    </a:ext>
  </a:extLst>
</a:theme>
</file>

<file path=ppt/theme/theme2.xml><?xml version="1.0" encoding="utf-8"?>
<a:theme xmlns:a="http://schemas.openxmlformats.org/drawingml/2006/main" name="Custom">
  <a:themeElements>
    <a:clrScheme name="Custom 149">
      <a:dk1>
        <a:sysClr val="windowText" lastClr="000000"/>
      </a:dk1>
      <a:lt1>
        <a:sysClr val="window" lastClr="FFFFFF"/>
      </a:lt1>
      <a:dk2>
        <a:srgbClr val="44546A"/>
      </a:dk2>
      <a:lt2>
        <a:srgbClr val="E7E6E6"/>
      </a:lt2>
      <a:accent1>
        <a:srgbClr val="E9E6DF"/>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ustom 56">
      <a:majorFont>
        <a:latin typeface="Tenorite"/>
        <a:ea typeface=""/>
        <a:cs typeface=""/>
      </a:majorFont>
      <a:minorFont>
        <a:latin typeface="Tenorit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ustom" id="{F85C13B5-8B75-4CB8-BA5E-9CAC0747196D}" vid="{617487EE-AB70-4C55-8A81-E6744CC4A2C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4D89CA3A1D94514B82EF8E15F740DBD3" ma:contentTypeVersion="7" ma:contentTypeDescription="Create a new document." ma:contentTypeScope="" ma:versionID="0f43d0e1c77914918ef9d4f9e3108e74">
  <xsd:schema xmlns:xsd="http://www.w3.org/2001/XMLSchema" xmlns:xs="http://www.w3.org/2001/XMLSchema" xmlns:p="http://schemas.microsoft.com/office/2006/metadata/properties" xmlns:ns3="cd4bd8a5-b694-41f0-a6a3-40d89f7450f6" targetNamespace="http://schemas.microsoft.com/office/2006/metadata/properties" ma:root="true" ma:fieldsID="0c39a8b7eb8d898a75ee57bd15be99c4" ns3:_="">
    <xsd:import namespace="cd4bd8a5-b694-41f0-a6a3-40d89f7450f6"/>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SearchProperties" minOccurs="0"/>
                <xsd:element ref="ns3:MediaServiceObjectDetectorVersions" minOccurs="0"/>
                <xsd:element ref="ns3: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d4bd8a5-b694-41f0-a6a3-40d89f7450f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SearchProperties" ma:index="12" nillable="true" ma:displayName="MediaServiceSearchProperties" ma:hidden="true" ma:internalName="MediaServiceSearchProperties" ma:readOnly="true">
      <xsd:simpleType>
        <xsd:restriction base="dms:Note"/>
      </xsd:simpleType>
    </xsd:element>
    <xsd:element name="MediaServiceObjectDetectorVersions" ma:index="13"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MediaServiceKeyPoints xmlns="cd4bd8a5-b694-41f0-a6a3-40d89f7450f6" xsi:nil="true"/>
  </documentManagement>
</p:properties>
</file>

<file path=customXml/itemProps1.xml><?xml version="1.0" encoding="utf-8"?>
<ds:datastoreItem xmlns:ds="http://schemas.openxmlformats.org/officeDocument/2006/customXml" ds:itemID="{75241C56-95BB-4416-AD3D-4F2325E25303}">
  <ds:schemaRefs>
    <ds:schemaRef ds:uri="cd4bd8a5-b694-41f0-a6a3-40d89f7450f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CABF691C-888B-4061-8A6F-D5CE84A0254B}">
  <ds:schemaRefs>
    <ds:schemaRef ds:uri="http://schemas.microsoft.com/sharepoint/v3/contenttype/forms"/>
  </ds:schemaRefs>
</ds:datastoreItem>
</file>

<file path=customXml/itemProps3.xml><?xml version="1.0" encoding="utf-8"?>
<ds:datastoreItem xmlns:ds="http://schemas.openxmlformats.org/officeDocument/2006/customXml" ds:itemID="{49168DCE-134F-4610-A6AA-88CEBE8D71D2}">
  <ds:schemaRefs>
    <ds:schemaRef ds:uri="cd4bd8a5-b694-41f0-a6a3-40d89f7450f6"/>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Metadata/LabelInfo.xml><?xml version="1.0" encoding="utf-8"?>
<clbl:labelList xmlns:clbl="http://schemas.microsoft.com/office/2020/mipLabelMetadata"/>
</file>

<file path=docProps/app.xml><?xml version="1.0" encoding="utf-8"?>
<Properties xmlns="http://schemas.openxmlformats.org/officeDocument/2006/extended-properties" xmlns:vt="http://schemas.openxmlformats.org/officeDocument/2006/docPropsVTypes">
  <Template>{8073009C-AB29-4351-A174-80008B186350}tf67328976_win32</Template>
  <Application>Microsoft Office PowerPoint</Application>
  <PresentationFormat>Widescreen</PresentationFormat>
  <Slides>13</Slides>
  <Notes>9</Notes>
  <HiddenSlides>0</HiddenSlides>
  <ScaleCrop>false</ScaleCrop>
  <HeadingPairs>
    <vt:vector size="4" baseType="variant">
      <vt:variant>
        <vt:lpstr>Theme</vt:lpstr>
      </vt:variant>
      <vt:variant>
        <vt:i4>2</vt:i4>
      </vt:variant>
      <vt:variant>
        <vt:lpstr>Slide Titles</vt:lpstr>
      </vt:variant>
      <vt:variant>
        <vt:i4>13</vt:i4>
      </vt:variant>
    </vt:vector>
  </HeadingPairs>
  <TitlesOfParts>
    <vt:vector size="15" baseType="lpstr">
      <vt:lpstr>DylanVTI</vt:lpstr>
      <vt:lpstr>Custom</vt:lpstr>
      <vt:lpstr>Dr. Pill</vt:lpstr>
      <vt:lpstr>PowerPoint Presentation</vt:lpstr>
      <vt:lpstr>PowerPoint Presentation</vt:lpstr>
      <vt:lpstr>FEATURES</vt:lpstr>
      <vt:lpstr>BLOCK DIAGRAM (SIMPLIFIED)</vt:lpstr>
      <vt:lpstr>STAFF DIAGRAM</vt:lpstr>
      <vt:lpstr>PowerPoint Presentation</vt:lpstr>
      <vt:lpstr>DESIGN</vt:lpstr>
      <vt:lpstr>PowerPoint Presentation</vt:lpstr>
      <vt:lpstr>PowerPoint Presentation</vt:lpstr>
      <vt:lpstr>PowerPoint Presentation</vt:lpstr>
      <vt:lpstr>PowerPoint Presentation</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Jonathan Cerniaz</dc:creator>
  <cp:revision>1</cp:revision>
  <dcterms:created xsi:type="dcterms:W3CDTF">2024-09-19T02:58:04Z</dcterms:created>
  <dcterms:modified xsi:type="dcterms:W3CDTF">2024-10-08T02:51: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D89CA3A1D94514B82EF8E15F740DBD3</vt:lpwstr>
  </property>
  <property fmtid="{D5CDD505-2E9C-101B-9397-08002B2CF9AE}" pid="3" name="MediaServiceImageTags">
    <vt:lpwstr/>
  </property>
</Properties>
</file>